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531"/>
  <workbookPr defaultThemeVersion="124226"/>
  <mc:AlternateContent xmlns:mc="http://schemas.openxmlformats.org/markup-compatibility/2006">
    <mc:Choice Requires="x15">
      <x15ac:absPath xmlns:x15ac="http://schemas.microsoft.com/office/spreadsheetml/2010/11/ac" url="\\Ap-2016\us\FN\s8486\Desktop\BIP FN\BIP 2024 Ulgi Umorzenia w 2023 r\"/>
    </mc:Choice>
  </mc:AlternateContent>
  <xr:revisionPtr revIDLastSave="0" documentId="8_{4270B482-AB9A-410E-8B4F-4CE96F595369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przeslane_przypadki_pomocy-2024" sheetId="1" r:id="rId1"/>
  </sheets>
  <calcPr calcId="145621"/>
</workbook>
</file>

<file path=xl/sharedStrings.xml><?xml version="1.0" encoding="utf-8"?>
<sst xmlns="http://schemas.openxmlformats.org/spreadsheetml/2006/main" count="783" uniqueCount="773">
  <si>
    <t>ENCOMERCIO SPÓŁKA Z OGRANICZONĄ ODPOWIEDZIALNOŚCIĄ</t>
  </si>
  <si>
    <t>Grzegorz Jagosz - Krawiectwo Konfekcyjne</t>
  </si>
  <si>
    <t>NEXUN SPÓŁKA Z OGRANICZONĄ ODPOWIEDZIALNOŚCIĄ</t>
  </si>
  <si>
    <t>AGENCJA OCHRONY LEGION SPÓŁKA Z OGRANICZONĄ ODPOWIEDZIALNOŚCIĄ</t>
  </si>
  <si>
    <t>GROT-KONSTRUKCJE  SPÓŁKA Z OGRANICZONĄ ODPOWIEDZIALNOŚCIĄ</t>
  </si>
  <si>
    <t>ABACUS PROFIT SPÓŁKA Z OGRANICZONĄ ODPOWIEDZIALNOŚCIĄ</t>
  </si>
  <si>
    <t>Bogdan Wisła</t>
  </si>
  <si>
    <t>METALPOL WĘGIERSKA GÓRKA SPÓŁKA Z OGRANICZONĄ ODPOWIEDZIALNOŚCIĄ</t>
  </si>
  <si>
    <t>Joanna Zoń-Kwiadar</t>
  </si>
  <si>
    <t>Dariusz Żuławski</t>
  </si>
  <si>
    <t>MTJ TRUCK SPÓŁKA Z OGRANICZONĄ ODPOWIEDZIALNOŚCIĄ</t>
  </si>
  <si>
    <t>Aleksandra Komuniecka</t>
  </si>
  <si>
    <t>MICHAŁ KUBIEŃ</t>
  </si>
  <si>
    <t>Paweł Tracz</t>
  </si>
  <si>
    <t>Sonia Konieczna</t>
  </si>
  <si>
    <t>Adam KRZYŻOWSKI</t>
  </si>
  <si>
    <t>4PORYROKU SPÓŁKA Z OGRANICZONĄ ODPOWIEDZIALNOŚCIĄ</t>
  </si>
  <si>
    <t>FUNDACJA POMOCY DZIECIOM</t>
  </si>
  <si>
    <t>Ilona Cieślik</t>
  </si>
  <si>
    <t>ŻYWIECKA FUNDACJA ROZWOJU</t>
  </si>
  <si>
    <t>ELEKTROZŁOM SPÓŁKA Z OGRANICZONĄ ODPOWIEDZIALNOŚCIĄ</t>
  </si>
  <si>
    <t>PRDM WADOWICE SPÓŁKA Z OGRANICZONĄ ODPOWIEDZIALNOŚCIĄ</t>
  </si>
  <si>
    <t>KANTOREX SPÓŁKA JAWNA KANTOR I WSPÓLNICY</t>
  </si>
  <si>
    <t>ULTER-SPORT SPÓŁKA Z OGRANICZONĄ ODPOWIEDZIALNOŚCIĄ</t>
  </si>
  <si>
    <t>SZKOLNE SCHRONISKO MŁODZIEŻOWE W ŚLEMIENIU</t>
  </si>
  <si>
    <t>ECO TEAM SERVICE SPÓŁKA Z OGRANICZONĄ ODPOWIEDZIALNOŚCIĄ</t>
  </si>
  <si>
    <t>ALTAM GROUP SPÓŁKA Z OGRANICZONĄ ODPOWIEDZIALNOŚCIĄ</t>
  </si>
  <si>
    <t>PRZEDSIĘBIORSTWO BUDOWLANE FRAKTAL SPÓŁKA Z OGRANICZONĄ ODPOWIEDZIALNOŚCIĄ</t>
  </si>
  <si>
    <t>"RUSZTOWANIA" - Rafał Adamczyk</t>
  </si>
  <si>
    <t>FORMED SPÓŁKA Z OGRANICZONĄ ODPOWIEDZIALNOŚCIĄ, SPÓŁKA KOMANDYTOWA</t>
  </si>
  <si>
    <t>GALERIA KOLOROWA SPÓŁKA Z OGRANICZONĄ ODPOWIEDZIALNOŚCIĄ</t>
  </si>
  <si>
    <t>OŚRODEK SZKOLENIA KIEROWCÓW  MIROSŁAW MICHULEC</t>
  </si>
  <si>
    <t>'"TYCJAN" Hotel, Restauracja Sabina Tyc-Cępiel w spadku</t>
  </si>
  <si>
    <t>REM-ART Usługi Remontowo-Budowlane Łukasz Majdak</t>
  </si>
  <si>
    <t>ICZ HEALTHCARE SPÓŁKA Z OGRANICZONĄ ODPOWIEDZIALNOŚCIĄ</t>
  </si>
  <si>
    <t>WASIOŁKA BARBARA ZAKŁAD USŁUG BHP I P.POŻ.</t>
  </si>
  <si>
    <t>PRODREWEX-PL SPÓŁKA Z OGRANICZONĄ ODPOWIEDZIALNOŚCIĄ</t>
  </si>
  <si>
    <t>Ewelina Dyrlaga</t>
  </si>
  <si>
    <t>"RONDO" SPÓŁKA Z OGRANICZONĄ ODPOWIEDZIALNOŚCIĄ</t>
  </si>
  <si>
    <t>Przemysław Niewdana</t>
  </si>
  <si>
    <t>Artur Satława</t>
  </si>
  <si>
    <t>Joanna Świniańska</t>
  </si>
  <si>
    <t>BARNESTIA</t>
  </si>
  <si>
    <t>Szymon Gonet</t>
  </si>
  <si>
    <t>KEWIN HANUSIAK</t>
  </si>
  <si>
    <t>HOTEL FERO LUX SPÓŁKA Z OGRANICZONĄ ODPOWIEDZIALNOŚCIĄ</t>
  </si>
  <si>
    <t>MAKSYMILIAN JEZIORSKI</t>
  </si>
  <si>
    <t>Bartłomiej Pękala</t>
  </si>
  <si>
    <t>Anna Sufa</t>
  </si>
  <si>
    <t>KONRAD KANTYKA</t>
  </si>
  <si>
    <t>JOLANTA WYSOKIŃSKA</t>
  </si>
  <si>
    <t>BESKID ŻYWIEC SPÓŁKA Z OGRANICZONĄ ODPOWIEDZIALNOŚCIĄ</t>
  </si>
  <si>
    <t>Wykaz osób prawnych i fizycznych oraz jednostek organizacyjnych nieposiadających osobowości prawnej, którym w 2023 roku udzielono pomocy publicznej.</t>
  </si>
  <si>
    <t>Lp.</t>
  </si>
  <si>
    <t>Nazwa osoby fizycznej/prawnej</t>
  </si>
  <si>
    <t>1.</t>
  </si>
  <si>
    <t>2.</t>
  </si>
  <si>
    <t>3.</t>
  </si>
  <si>
    <t>4.</t>
  </si>
  <si>
    <t xml:space="preserve">FIRMA HANDLOWO USŁUGOWA "GROT" </t>
  </si>
  <si>
    <t>FIRMA "NOV-BUD"</t>
  </si>
  <si>
    <t xml:space="preserve"> "AUTO PERFEKT"</t>
  </si>
  <si>
    <t>Kancelaria Doradztwa Podatkowego</t>
  </si>
  <si>
    <t>F.H.U. "REX"</t>
  </si>
  <si>
    <t>JACK</t>
  </si>
  <si>
    <t>CUKIERNIA "JULIA" SPÓŁKA CYWILNA</t>
  </si>
  <si>
    <t xml:space="preserve">USŁUGI OGÓLNOBUDOWLANE </t>
  </si>
  <si>
    <t xml:space="preserve">SKLEP WIELOBRANŻOWY </t>
  </si>
  <si>
    <t xml:space="preserve">Firma Budowlana " DON-BUD" </t>
  </si>
  <si>
    <t>PAW-BUD Usługi remontowo-budowlane</t>
  </si>
  <si>
    <t>Przedsiębiorstwo Handlowo-Usługowe Sortownia Surowców Wtórnych PIOTR PLAST</t>
  </si>
  <si>
    <t xml:space="preserve">FIRMA PRODUKCYJNO-USŁUGOWO-HANDLOWA KUŹNIA BYSTRA </t>
  </si>
  <si>
    <t>TECHNIKA GRZEWCZA</t>
  </si>
  <si>
    <t xml:space="preserve">Express Serwis </t>
  </si>
  <si>
    <t xml:space="preserve">STUDIO FIGURA </t>
  </si>
  <si>
    <t xml:space="preserve">La Reina </t>
  </si>
  <si>
    <t xml:space="preserve">BESKID-STOLARZ </t>
  </si>
  <si>
    <t>ZARZĄDZANIE NIERUCHOMOŚCIAMI</t>
  </si>
  <si>
    <t>USŁUGI OGÓLNOBUDOWLANE</t>
  </si>
  <si>
    <t>BODYeK</t>
  </si>
  <si>
    <t xml:space="preserve">GABINET REHABILITACJI </t>
  </si>
  <si>
    <t>Ślusarstwo</t>
  </si>
  <si>
    <t xml:space="preserve">Matip Engineering </t>
  </si>
  <si>
    <t>PRACOWNIA PROJEKTÓW ARCHITEKTONICZNO-BUDOWLANYCH S</t>
  </si>
  <si>
    <t xml:space="preserve">ZAKŁAD FRYZJERSKI </t>
  </si>
  <si>
    <t xml:space="preserve">PROFESJONALNY GABINET KOSMETYKI I MASAŻU "IWONA" </t>
  </si>
  <si>
    <t xml:space="preserve">ZYGZAK </t>
  </si>
  <si>
    <t>P.H.U.</t>
  </si>
  <si>
    <t xml:space="preserve">Monter-Bud </t>
  </si>
  <si>
    <t>TAB-CAR</t>
  </si>
  <si>
    <t xml:space="preserve">MELJAN </t>
  </si>
  <si>
    <t xml:space="preserve">,,BUDRYS BUDOWA'' USŁUGI OGÓLNOBUDOWLANE </t>
  </si>
  <si>
    <t>instalacje elektryczne</t>
  </si>
  <si>
    <t xml:space="preserve"> Design</t>
  </si>
  <si>
    <t xml:space="preserve">F.H.U. FELIX </t>
  </si>
  <si>
    <t xml:space="preserve">SALON FRYZJERSKI </t>
  </si>
  <si>
    <t>usługi budowlane</t>
  </si>
  <si>
    <t xml:space="preserve">TODO DESIGN </t>
  </si>
  <si>
    <t>TYNKI MASZYNOWE</t>
  </si>
  <si>
    <t xml:space="preserve">"Lace Sole" </t>
  </si>
  <si>
    <t xml:space="preserve">ALICE'S  CAT </t>
  </si>
  <si>
    <t>BŁYSK</t>
  </si>
  <si>
    <t>S.MOTO</t>
  </si>
  <si>
    <t xml:space="preserve">MuraDom </t>
  </si>
  <si>
    <t xml:space="preserve">Brillar </t>
  </si>
  <si>
    <t>Akademia Muzycznego Rozwoju</t>
  </si>
  <si>
    <t>Fantastyczny Ogród</t>
  </si>
  <si>
    <t xml:space="preserve">Euro Tours </t>
  </si>
  <si>
    <t xml:space="preserve">SALON KOSMETYCZNY "STREFA URODY" </t>
  </si>
  <si>
    <t>F.H.U. HYDROMONTER</t>
  </si>
  <si>
    <t>JAM-SPAW WYROBY KUTE</t>
  </si>
  <si>
    <t xml:space="preserve">HKS Services </t>
  </si>
  <si>
    <t xml:space="preserve">Coś Pięknego </t>
  </si>
  <si>
    <t xml:space="preserve">"Mały Cis" Sklep spożywczy; Pensjonat; Fotografia </t>
  </si>
  <si>
    <t>Usługi ogólnobudowlane"ANDMON"</t>
  </si>
  <si>
    <t xml:space="preserve">MECHANIKA SAMOCHODOWA </t>
  </si>
  <si>
    <t xml:space="preserve">Auto Myjnia M&amp;D </t>
  </si>
  <si>
    <t xml:space="preserve">Pracownia Florystyczna NaMi </t>
  </si>
  <si>
    <t xml:space="preserve">KOP-AR </t>
  </si>
  <si>
    <t xml:space="preserve">Usługi Budowlane </t>
  </si>
  <si>
    <t>Rudy Golibroda</t>
  </si>
  <si>
    <t>"DINOKIDS"</t>
  </si>
  <si>
    <t>Elektroinstal</t>
  </si>
  <si>
    <t xml:space="preserve">TAKIE ANIMACJE </t>
  </si>
  <si>
    <t>SIMON ELEKTRO</t>
  </si>
  <si>
    <t>Usługi Remontowo-Budowlane</t>
  </si>
  <si>
    <t>F.H.U. INSTALMARK</t>
  </si>
  <si>
    <t>FIRMA HANDLOWO-USŁUGOWA</t>
  </si>
  <si>
    <t xml:space="preserve">FIRMA HANDLOWO-USŁUGOWA TAGO SPÓŁKA CYWILNA </t>
  </si>
  <si>
    <t xml:space="preserve">KANCELARIA RACHUNKOWO-PODATKOWA SPÓŁKA CYWILNA </t>
  </si>
  <si>
    <t>Usługi remontowo-budowlane</t>
  </si>
  <si>
    <t>PAZNOKCIARA</t>
  </si>
  <si>
    <t>TomArt</t>
  </si>
  <si>
    <t>InterioMar Profesjonalne Wykończenia Wnętrz</t>
  </si>
  <si>
    <t xml:space="preserve">M.K.-BUD </t>
  </si>
  <si>
    <t xml:space="preserve">Mobilne Studio Fryzur "Caroline" </t>
  </si>
  <si>
    <t xml:space="preserve">DREAM TOWER </t>
  </si>
  <si>
    <t>Well-Done</t>
  </si>
  <si>
    <t xml:space="preserve">Instalacje grzewcze i sanitarne </t>
  </si>
  <si>
    <t xml:space="preserve">BF-Bud </t>
  </si>
  <si>
    <t xml:space="preserve">FMM </t>
  </si>
  <si>
    <t>Dietetyk</t>
  </si>
  <si>
    <t xml:space="preserve">Passion Vibes </t>
  </si>
  <si>
    <t xml:space="preserve">HerNails </t>
  </si>
  <si>
    <t xml:space="preserve">Makijaż permanentny i kosmetologia </t>
  </si>
  <si>
    <t xml:space="preserve">Usługi Ogólnobudowlane </t>
  </si>
  <si>
    <t>TAL - INSTAL</t>
  </si>
  <si>
    <t xml:space="preserve">INTEGRA KOSZTORYSOWANIE </t>
  </si>
  <si>
    <t xml:space="preserve">VIVID </t>
  </si>
  <si>
    <t>AUTO-HOBBY</t>
  </si>
  <si>
    <t>PRESTIGE HOUSE</t>
  </si>
  <si>
    <t xml:space="preserve">PROSOLVA </t>
  </si>
  <si>
    <t>INSPIRADO DESIGN- PRACOWNIA DEKORACYJNA</t>
  </si>
  <si>
    <t xml:space="preserve">Pracownia Urody </t>
  </si>
  <si>
    <t xml:space="preserve">Biuro Rachunkowe </t>
  </si>
  <si>
    <t>FHU "DUSEK"  - "AUTOSERVICE"</t>
  </si>
  <si>
    <t>NOWATOROWNIA ; PRZEDSZKOLE NIEPUBLICZNE "AKUKU"</t>
  </si>
  <si>
    <t>PROGRES  SPÓŁKA Z OGRANICZONĄ ODPOWIEDZIALNOŚCIĄ</t>
  </si>
  <si>
    <t xml:space="preserve">Hurtownia Zielone PL </t>
  </si>
  <si>
    <t xml:space="preserve">PROJEKTOWANIE OGRODÓW </t>
  </si>
  <si>
    <t xml:space="preserve">Usługi ogólnobudowlane </t>
  </si>
  <si>
    <t xml:space="preserve">PRZEDSIĘBIORSTWO PRODUKCYJNO-HANDLOWO-USŁUGOWE "KOSMYK" </t>
  </si>
  <si>
    <t xml:space="preserve">"Larissa" </t>
  </si>
  <si>
    <t>Przedsiębiorstwo Budowlano Projektowe FRAKTAL</t>
  </si>
  <si>
    <t>AUTO-SERWIS</t>
  </si>
  <si>
    <t xml:space="preserve">INSTAL - SAN </t>
  </si>
  <si>
    <t>Drewno-Stal Konstrukcje</t>
  </si>
  <si>
    <t xml:space="preserve">PIOMAX Usługi Inżynierskie </t>
  </si>
  <si>
    <t>Biuro Rachunkowo-Księgowe JG</t>
  </si>
  <si>
    <t>RENOMO - USŁUGI OGÓLNOBUDOWLANE</t>
  </si>
  <si>
    <t>MBFORM</t>
  </si>
  <si>
    <t>PRACOWNIA MAKIJAŻU</t>
  </si>
  <si>
    <t>"TOSU"</t>
  </si>
  <si>
    <t xml:space="preserve">FRYZJERSTWO </t>
  </si>
  <si>
    <t xml:space="preserve">MATLIGHT </t>
  </si>
  <si>
    <t xml:space="preserve">SALON PIELĘGNACJI ZWIERZĄT SKLEP ZOOLOGICZNY "CZESIOLANDIA" </t>
  </si>
  <si>
    <t xml:space="preserve">RAV-ELEKTRO   Instalacje Elektryczne </t>
  </si>
  <si>
    <t>SKORPION SPÓŁKA JAWNA</t>
  </si>
  <si>
    <t>TOMGARD-</t>
  </si>
  <si>
    <t>PRZEDSIĘBIORSTWO PRODUKCYJNO-HANDLOWO-USŁUGOWE</t>
  </si>
  <si>
    <t xml:space="preserve">BM Elektro </t>
  </si>
  <si>
    <t>Almaestetica</t>
  </si>
  <si>
    <t xml:space="preserve">Firma Usługowo Handlowa I &amp; P </t>
  </si>
  <si>
    <t>DOMKI ZBYLUT S.C.</t>
  </si>
  <si>
    <t>C &amp; S   S.C.</t>
  </si>
  <si>
    <t xml:space="preserve"> "MOBTEL"</t>
  </si>
  <si>
    <t xml:space="preserve">RAF-MAR </t>
  </si>
  <si>
    <t xml:space="preserve">U-H-G </t>
  </si>
  <si>
    <t>KANCELARIA RACHUNKOWO-PODATKOWA</t>
  </si>
  <si>
    <t>USŁUGI REMONTOWO-BUDOWLANE</t>
  </si>
  <si>
    <t>USŁUGI KAMIENIARSKIE</t>
  </si>
  <si>
    <t xml:space="preserve">WIMAT </t>
  </si>
  <si>
    <t xml:space="preserve">Przedsiębiorstwo Wykonawczo Nadzorowe Fraktal </t>
  </si>
  <si>
    <t xml:space="preserve">GÓRAL ŻYWIEC </t>
  </si>
  <si>
    <t xml:space="preserve">Przedsiębiorstwo Produkcyjno Usługowo Handlowe STAN-MET </t>
  </si>
  <si>
    <t>ZAKŁAD AUTOMATYKI PRZEMYSŁOWEJ  SPÓŁKA Z OGRANICZONĄ ODPOWIEDZIALNOŚCIĄ</t>
  </si>
  <si>
    <t>OŚRODEK WCZASOWO REKREACYJNY "JAZ"  SPÓŁKA CYWILNA</t>
  </si>
  <si>
    <t>PRZEDSIĘBIORSTWO BUDOWNICTWA OGÓLNEGO FRAKTAL</t>
  </si>
  <si>
    <t>F.H.U.</t>
  </si>
  <si>
    <t>CAFE-BILARD</t>
  </si>
  <si>
    <t xml:space="preserve">B&amp;B PROFESSIONAL PÓŁKA CYWILNA </t>
  </si>
  <si>
    <t>MP  SPÓŁKA Z OGRANICZONĄ ODPOWIEDZIALNOŚCIĄ</t>
  </si>
  <si>
    <t xml:space="preserve">BIURO PODATKOWE </t>
  </si>
  <si>
    <t>BIURO PODATKOWE</t>
  </si>
  <si>
    <t xml:space="preserve">Mobilny Fryzjer z Pasją </t>
  </si>
  <si>
    <t xml:space="preserve">  P.P.H.U. "TELKOM"</t>
  </si>
  <si>
    <t>STUDIO WIZERUNKU</t>
  </si>
  <si>
    <t>NOWATOROWNIA; PRZEDSZKOLE NIEPUBLICZNE "AKUKU"</t>
  </si>
  <si>
    <t>Logopeda</t>
  </si>
  <si>
    <t xml:space="preserve">Studio Masażu i Refleksologii "ZŁOTE RĘCE" </t>
  </si>
  <si>
    <t xml:space="preserve"> BAMBUŁA - kolej na coś zdrowego" </t>
  </si>
  <si>
    <t xml:space="preserve">Przedszkole "Pluszowy Zakątek" </t>
  </si>
  <si>
    <t xml:space="preserve">NAW PERFORMANCE AUDIO </t>
  </si>
  <si>
    <t>Sprzedaż Artykułów Spożywczo - Przemysłowych</t>
  </si>
  <si>
    <t xml:space="preserve">USŁUGI REMONTOWO-BUDOWLANE I ŚLUSARSKO- SPAWALNICZE </t>
  </si>
  <si>
    <t>FHU</t>
  </si>
  <si>
    <t xml:space="preserve">PHU LEGIERSKI </t>
  </si>
  <si>
    <t>HaftArt</t>
  </si>
  <si>
    <t>ZAKŁAD MIĘSNY "RAJCZA" SPÓŁKA JAWNA</t>
  </si>
  <si>
    <t>Power Clean</t>
  </si>
  <si>
    <t>stylizacja paznokci</t>
  </si>
  <si>
    <t>HOT - DOGS</t>
  </si>
  <si>
    <t>FrogStal - Usługi Spawalnicze</t>
  </si>
  <si>
    <t>SF</t>
  </si>
  <si>
    <t>SMAKUJ ŻYCIE</t>
  </si>
  <si>
    <t>Czyste Rozwiązania</t>
  </si>
  <si>
    <t>S.K. Pro-Instal</t>
  </si>
  <si>
    <t>Usługi fryzjerskie</t>
  </si>
  <si>
    <t>"MODIFI"</t>
  </si>
  <si>
    <t>GABINET KOSMETYKI I MASAŻU</t>
  </si>
  <si>
    <t>Studio Fryzur PRESTIŻ</t>
  </si>
  <si>
    <t>Salon Fryzjerski</t>
  </si>
  <si>
    <t xml:space="preserve">STUDIO FRYZJERSKO-KOSMETYCZNE CASANDRA </t>
  </si>
  <si>
    <t xml:space="preserve">PRACOWNIA URODY </t>
  </si>
  <si>
    <t>ATELIER</t>
  </si>
  <si>
    <t xml:space="preserve">LegalMe Kancelaria Radcy Prawnego </t>
  </si>
  <si>
    <t xml:space="preserve">ANA Dekoracje z drewna </t>
  </si>
  <si>
    <t xml:space="preserve">PRACOWNIA MODY REGIONALNEJ </t>
  </si>
  <si>
    <t xml:space="preserve">"RUNO-STYL" SC. </t>
  </si>
  <si>
    <t xml:space="preserve">PIELĘGNACJA OGRODÓW </t>
  </si>
  <si>
    <t>Pielęgnacja włosów</t>
  </si>
  <si>
    <t xml:space="preserve">LaserCare </t>
  </si>
  <si>
    <t xml:space="preserve">GABINET KOSMETYKI I MASAŻU </t>
  </si>
  <si>
    <t>Mechanika Samochodowa</t>
  </si>
  <si>
    <t xml:space="preserve">Wypożyczalnia Narzędzi Budowlanych </t>
  </si>
  <si>
    <t>HOLEXBUD</t>
  </si>
  <si>
    <t>STYLIZACJA PAZNOKCI I USŁUGI KOSMETYCZNE</t>
  </si>
  <si>
    <t>Beauty&amp;Spa Masaże i Kosmetyka</t>
  </si>
  <si>
    <t xml:space="preserve">Instalatorstwo CO-GAZ </t>
  </si>
  <si>
    <t xml:space="preserve">Gabinet Kosmetologiczny "ALEXANDRIA" </t>
  </si>
  <si>
    <t xml:space="preserve">KANCELARIA ADWOKACKA Adwokat </t>
  </si>
  <si>
    <t>M.R.GRANULAT</t>
  </si>
  <si>
    <t>Skworcu.com.pl</t>
  </si>
  <si>
    <t xml:space="preserve">P.H.U. AUTO-BOSS </t>
  </si>
  <si>
    <t>Pauczis</t>
  </si>
  <si>
    <t xml:space="preserve"> KN Studio</t>
  </si>
  <si>
    <t xml:space="preserve">MURARSTWO </t>
  </si>
  <si>
    <t xml:space="preserve">Moje BHP </t>
  </si>
  <si>
    <t xml:space="preserve">ZMALOWANA STUDIO KOSMETYCZNE </t>
  </si>
  <si>
    <t>Mobilne Usługi Fryzjerskie</t>
  </si>
  <si>
    <t>"KRYZONT" Budowa Domów</t>
  </si>
  <si>
    <t xml:space="preserve">F.H.U. AUTO HAZ SERWIS </t>
  </si>
  <si>
    <t xml:space="preserve">1. F.U.H. "STACH"  2. Pasmanteria "MONIKA" </t>
  </si>
  <si>
    <t xml:space="preserve">URUS </t>
  </si>
  <si>
    <t>Przedsiębiorstwo Handlowo-Usługowo-Gastronomiczne</t>
  </si>
  <si>
    <t xml:space="preserve">ALLES AUTO 3 </t>
  </si>
  <si>
    <t xml:space="preserve">PD Poject Desing </t>
  </si>
  <si>
    <t xml:space="preserve">MALULU </t>
  </si>
  <si>
    <t>Fizjo-home</t>
  </si>
  <si>
    <t>Usługi kosmetyczne</t>
  </si>
  <si>
    <t>KUB-HAUSE</t>
  </si>
  <si>
    <t xml:space="preserve">Przestrzeń Piękna </t>
  </si>
  <si>
    <t xml:space="preserve">Przedsiębiorstwo Produkcyjno Handlowo Usługowe RS GROUP </t>
  </si>
  <si>
    <t>Szpach - Mal</t>
  </si>
  <si>
    <t xml:space="preserve">MATRIX </t>
  </si>
  <si>
    <t xml:space="preserve">OUTLET COSMO </t>
  </si>
  <si>
    <t>BIEG BUD</t>
  </si>
  <si>
    <t xml:space="preserve">BIURO RACHUNKOWE "EB" SPÓŁKA CYWILNA </t>
  </si>
  <si>
    <t xml:space="preserve">ICON STUDIO </t>
  </si>
  <si>
    <t xml:space="preserve">FHU "Ale-Co" </t>
  </si>
  <si>
    <t xml:space="preserve">ProfiCar.Expert </t>
  </si>
  <si>
    <t xml:space="preserve">Firma Usługowa CHARY </t>
  </si>
  <si>
    <t xml:space="preserve">DIAMANT TYNKI MASZYNOWE SPÓŁKA CYWILNA </t>
  </si>
  <si>
    <t xml:space="preserve">Przedsiębiorstwo Usługowo-Handlowo-Hotelarskie-Rolniczo-Gastronomiczne SOKÓŁ </t>
  </si>
  <si>
    <t xml:space="preserve">KARY-EKOLAS </t>
  </si>
  <si>
    <t xml:space="preserve">Usługi </t>
  </si>
  <si>
    <t xml:space="preserve">FizjoBodyCare </t>
  </si>
  <si>
    <t xml:space="preserve">MOTOR </t>
  </si>
  <si>
    <t>NAILS</t>
  </si>
  <si>
    <t>WW-MOBILNE SPRZĄTANIE</t>
  </si>
  <si>
    <t>ZLS STOLARTOM</t>
  </si>
  <si>
    <t>SOFTNETRIS</t>
  </si>
  <si>
    <t xml:space="preserve">MOPIK </t>
  </si>
  <si>
    <t>FLAMLINGO PRYWATNE LEKCJE JĘZYKA ANGIELSKIEGO</t>
  </si>
  <si>
    <t xml:space="preserve">MECH </t>
  </si>
  <si>
    <t xml:space="preserve">STOL MAD </t>
  </si>
  <si>
    <t>"ANATEVKA"</t>
  </si>
  <si>
    <t xml:space="preserve">RAF FLOOR </t>
  </si>
  <si>
    <t xml:space="preserve"> TATTOO AND PERMANENT MAKE UP</t>
  </si>
  <si>
    <t xml:space="preserve">WAJBRAKE </t>
  </si>
  <si>
    <t>DKO - BUD</t>
  </si>
  <si>
    <t>DEKER HOME</t>
  </si>
  <si>
    <t>ENMAG.DESIGN</t>
  </si>
  <si>
    <t>RAD - DOM</t>
  </si>
  <si>
    <t>Best Invest</t>
  </si>
  <si>
    <t xml:space="preserve">Pigi Parts </t>
  </si>
  <si>
    <t>Belief</t>
  </si>
  <si>
    <t>HANU</t>
  </si>
  <si>
    <t>LA MEVA STUDIO</t>
  </si>
  <si>
    <t>Kancelaria Adwokacka Adwokat</t>
  </si>
  <si>
    <t>Firma Ogólnobudowlana</t>
  </si>
  <si>
    <t xml:space="preserve"> Beauty Salon</t>
  </si>
  <si>
    <t>INST-HYD</t>
  </si>
  <si>
    <t>TOM SERWIS</t>
  </si>
  <si>
    <t>wykończenia DGW</t>
  </si>
  <si>
    <t xml:space="preserve">DEKEA </t>
  </si>
  <si>
    <t xml:space="preserve">MAL BUD </t>
  </si>
  <si>
    <t>HYDROBUD</t>
  </si>
  <si>
    <t>RIMFIX</t>
  </si>
  <si>
    <t>MK DOMY</t>
  </si>
  <si>
    <t>EKO-DREW</t>
  </si>
  <si>
    <t xml:space="preserve"> WOOD</t>
  </si>
  <si>
    <t xml:space="preserve">AUTO PROJACK </t>
  </si>
  <si>
    <t xml:space="preserve">KamiLove </t>
  </si>
  <si>
    <t xml:space="preserve">GRAWEROWANIE W KAMIENIU </t>
  </si>
  <si>
    <t xml:space="preserve">Elektromechanika </t>
  </si>
  <si>
    <t xml:space="preserve">SPICE EXPRESS </t>
  </si>
  <si>
    <t>BETA</t>
  </si>
  <si>
    <t>FAST SERVICE</t>
  </si>
  <si>
    <t>BEAUTY NAILS</t>
  </si>
  <si>
    <t xml:space="preserve">Instalacje Hydrauliczne Instal-J </t>
  </si>
  <si>
    <t xml:space="preserve"> ALBUD</t>
  </si>
  <si>
    <t>Salon Fryzjerski „Alicja"</t>
  </si>
  <si>
    <t xml:space="preserve">MATII - BUD </t>
  </si>
  <si>
    <t>MUR - BET</t>
  </si>
  <si>
    <t xml:space="preserve">HYDROTECH </t>
  </si>
  <si>
    <t>WM Mont</t>
  </si>
  <si>
    <t xml:space="preserve">DOM WCZASOWY WOJTATÓWKA 3 </t>
  </si>
  <si>
    <t>MATPAR</t>
  </si>
  <si>
    <t>Skrzydła Motyla</t>
  </si>
  <si>
    <t>PHU</t>
  </si>
  <si>
    <t xml:space="preserve"> Agent Nieruchomości</t>
  </si>
  <si>
    <t>R &amp; J - WYKOŃCZENIA</t>
  </si>
  <si>
    <t xml:space="preserve">QSNIERZ BEAUTY ZONE </t>
  </si>
  <si>
    <t>Maro Car</t>
  </si>
  <si>
    <t xml:space="preserve">SPAW - MET </t>
  </si>
  <si>
    <t xml:space="preserve">TOMEX </t>
  </si>
  <si>
    <t xml:space="preserve">BLACK WOOD </t>
  </si>
  <si>
    <t>Usługi budowlane</t>
  </si>
  <si>
    <t xml:space="preserve">USŁUGI BUDOWLANE K-BuD </t>
  </si>
  <si>
    <t xml:space="preserve">Usługi kosmetyczne </t>
  </si>
  <si>
    <t xml:space="preserve">USŁUGI WYKOŃCZENIOWE </t>
  </si>
  <si>
    <t>Sposób na Piękno</t>
  </si>
  <si>
    <t xml:space="preserve">REM-DACH </t>
  </si>
  <si>
    <t>MACH BUD</t>
  </si>
  <si>
    <t>FIRMA USŁUGOWO-HANDLOWA ,,MAD-BUD"</t>
  </si>
  <si>
    <t xml:space="preserve">INSMIL </t>
  </si>
  <si>
    <t xml:space="preserve">Makeup Studio </t>
  </si>
  <si>
    <t xml:space="preserve">KED </t>
  </si>
  <si>
    <t xml:space="preserve">MałaMi mobilny fryzjer </t>
  </si>
  <si>
    <t>PAKSTORE</t>
  </si>
  <si>
    <t>FIRMA USŁUGOWA</t>
  </si>
  <si>
    <t xml:space="preserve">Natka Cię ZaZieleni </t>
  </si>
  <si>
    <t>WISDOM</t>
  </si>
  <si>
    <t>AUTO SERWIS</t>
  </si>
  <si>
    <t xml:space="preserve">"Nowy Styl" </t>
  </si>
  <si>
    <t xml:space="preserve"> Fryzjerka Barberka</t>
  </si>
  <si>
    <t>BLACHARSTWO SAMOCHODOWE</t>
  </si>
  <si>
    <t xml:space="preserve">Fryzjerstwo mobilne </t>
  </si>
  <si>
    <t>GLOW</t>
  </si>
  <si>
    <t>Przedsiębiorstwo Usługowo-Handlowe Góralka</t>
  </si>
  <si>
    <t xml:space="preserve">Biuro Księgowe </t>
  </si>
  <si>
    <t xml:space="preserve">BRUK-DREW </t>
  </si>
  <si>
    <t xml:space="preserve">eBike LIPOWA - ZIMNIK </t>
  </si>
  <si>
    <t>PIO-BUD</t>
  </si>
  <si>
    <t xml:space="preserve">BŁYSK I BLASK </t>
  </si>
  <si>
    <t>Podologia &amp; Kosmetologia</t>
  </si>
  <si>
    <t xml:space="preserve">POWER-DOM </t>
  </si>
  <si>
    <t xml:space="preserve">BESKID WYKOŃCZENIA </t>
  </si>
  <si>
    <t xml:space="preserve"> SPORT COMPANY</t>
  </si>
  <si>
    <t xml:space="preserve">MRÓWA - GARAGE </t>
  </si>
  <si>
    <t xml:space="preserve"> HYDRO-SYSTEM</t>
  </si>
  <si>
    <t xml:space="preserve">ŁG WOOD </t>
  </si>
  <si>
    <t xml:space="preserve">EnterLife </t>
  </si>
  <si>
    <t xml:space="preserve">FIRMA HANDLOWA </t>
  </si>
  <si>
    <t>Kick-boxing</t>
  </si>
  <si>
    <t xml:space="preserve">SOLID BUILD 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26.</t>
  </si>
  <si>
    <t>27.</t>
  </si>
  <si>
    <t>28.</t>
  </si>
  <si>
    <t>29.</t>
  </si>
  <si>
    <t>30.</t>
  </si>
  <si>
    <t>31.</t>
  </si>
  <si>
    <t>32.</t>
  </si>
  <si>
    <t>33.</t>
  </si>
  <si>
    <t>34.</t>
  </si>
  <si>
    <t>35.</t>
  </si>
  <si>
    <t>36.</t>
  </si>
  <si>
    <t>37.</t>
  </si>
  <si>
    <t>38.</t>
  </si>
  <si>
    <t>39.</t>
  </si>
  <si>
    <t>40.</t>
  </si>
  <si>
    <t>41.</t>
  </si>
  <si>
    <t>42.</t>
  </si>
  <si>
    <t>43.</t>
  </si>
  <si>
    <t>44.</t>
  </si>
  <si>
    <t>45.</t>
  </si>
  <si>
    <t>46.</t>
  </si>
  <si>
    <t>47.</t>
  </si>
  <si>
    <t>48.</t>
  </si>
  <si>
    <t>49.</t>
  </si>
  <si>
    <t>50.</t>
  </si>
  <si>
    <t>51.</t>
  </si>
  <si>
    <t>52.</t>
  </si>
  <si>
    <t>53.</t>
  </si>
  <si>
    <t>54.</t>
  </si>
  <si>
    <t>55.</t>
  </si>
  <si>
    <t>56.</t>
  </si>
  <si>
    <t>57.</t>
  </si>
  <si>
    <t>58.</t>
  </si>
  <si>
    <t>59.</t>
  </si>
  <si>
    <t>60.</t>
  </si>
  <si>
    <t>61.</t>
  </si>
  <si>
    <t>62.</t>
  </si>
  <si>
    <t>63.</t>
  </si>
  <si>
    <t>64.</t>
  </si>
  <si>
    <t>65.</t>
  </si>
  <si>
    <t>66.</t>
  </si>
  <si>
    <t>67.</t>
  </si>
  <si>
    <t>68.</t>
  </si>
  <si>
    <t>69.</t>
  </si>
  <si>
    <t>70.</t>
  </si>
  <si>
    <t>71.</t>
  </si>
  <si>
    <t>72.</t>
  </si>
  <si>
    <t>73.</t>
  </si>
  <si>
    <t>74.</t>
  </si>
  <si>
    <t>75.</t>
  </si>
  <si>
    <t>76.</t>
  </si>
  <si>
    <t>77.</t>
  </si>
  <si>
    <t>78.</t>
  </si>
  <si>
    <t>79.</t>
  </si>
  <si>
    <t>80.</t>
  </si>
  <si>
    <t>81.</t>
  </si>
  <si>
    <t>82.</t>
  </si>
  <si>
    <t>83.</t>
  </si>
  <si>
    <t>84.</t>
  </si>
  <si>
    <t>85.</t>
  </si>
  <si>
    <t>86.</t>
  </si>
  <si>
    <t>87.</t>
  </si>
  <si>
    <t>88.</t>
  </si>
  <si>
    <t>89.</t>
  </si>
  <si>
    <t>90.</t>
  </si>
  <si>
    <t>91.</t>
  </si>
  <si>
    <t>92.</t>
  </si>
  <si>
    <t>93.</t>
  </si>
  <si>
    <t>94.</t>
  </si>
  <si>
    <t>95.</t>
  </si>
  <si>
    <t>96.</t>
  </si>
  <si>
    <t>97.</t>
  </si>
  <si>
    <t>98.</t>
  </si>
  <si>
    <t>99.</t>
  </si>
  <si>
    <t>100.</t>
  </si>
  <si>
    <t>101.</t>
  </si>
  <si>
    <t>102.</t>
  </si>
  <si>
    <t>103.</t>
  </si>
  <si>
    <t>104.</t>
  </si>
  <si>
    <t>105.</t>
  </si>
  <si>
    <t>106.</t>
  </si>
  <si>
    <t>107.</t>
  </si>
  <si>
    <t>108.</t>
  </si>
  <si>
    <t>109.</t>
  </si>
  <si>
    <t>110.</t>
  </si>
  <si>
    <t>111.</t>
  </si>
  <si>
    <t>112.</t>
  </si>
  <si>
    <t>113.</t>
  </si>
  <si>
    <t>114.</t>
  </si>
  <si>
    <t>115.</t>
  </si>
  <si>
    <t>116.</t>
  </si>
  <si>
    <t>117.</t>
  </si>
  <si>
    <t>118.</t>
  </si>
  <si>
    <t>119.</t>
  </si>
  <si>
    <t>120.</t>
  </si>
  <si>
    <t>121.</t>
  </si>
  <si>
    <t>122.</t>
  </si>
  <si>
    <t>123.</t>
  </si>
  <si>
    <t>124.</t>
  </si>
  <si>
    <t>125.</t>
  </si>
  <si>
    <t>126.</t>
  </si>
  <si>
    <t>127.</t>
  </si>
  <si>
    <t>128.</t>
  </si>
  <si>
    <t>129.</t>
  </si>
  <si>
    <t>130.</t>
  </si>
  <si>
    <t>131.</t>
  </si>
  <si>
    <t>132.</t>
  </si>
  <si>
    <t>133.</t>
  </si>
  <si>
    <t>134.</t>
  </si>
  <si>
    <t>135.</t>
  </si>
  <si>
    <t>136.</t>
  </si>
  <si>
    <t>137.</t>
  </si>
  <si>
    <t>138.</t>
  </si>
  <si>
    <t>139.</t>
  </si>
  <si>
    <t>140.</t>
  </si>
  <si>
    <t>141.</t>
  </si>
  <si>
    <t>142.</t>
  </si>
  <si>
    <t>143.</t>
  </si>
  <si>
    <t>144.</t>
  </si>
  <si>
    <t>145.</t>
  </si>
  <si>
    <t>146.</t>
  </si>
  <si>
    <t>147.</t>
  </si>
  <si>
    <t>148.</t>
  </si>
  <si>
    <t>149.</t>
  </si>
  <si>
    <t>150.</t>
  </si>
  <si>
    <t>151.</t>
  </si>
  <si>
    <t>152.</t>
  </si>
  <si>
    <t>153.</t>
  </si>
  <si>
    <t>154.</t>
  </si>
  <si>
    <t>155.</t>
  </si>
  <si>
    <t>156.</t>
  </si>
  <si>
    <t>157.</t>
  </si>
  <si>
    <t>158.</t>
  </si>
  <si>
    <t>159.</t>
  </si>
  <si>
    <t>160.</t>
  </si>
  <si>
    <t>161.</t>
  </si>
  <si>
    <t>162.</t>
  </si>
  <si>
    <t>163.</t>
  </si>
  <si>
    <t>164.</t>
  </si>
  <si>
    <t>165.</t>
  </si>
  <si>
    <t>166.</t>
  </si>
  <si>
    <t>167.</t>
  </si>
  <si>
    <t>168.</t>
  </si>
  <si>
    <t>169.</t>
  </si>
  <si>
    <t>170.</t>
  </si>
  <si>
    <t>171.</t>
  </si>
  <si>
    <t>172.</t>
  </si>
  <si>
    <t>173.</t>
  </si>
  <si>
    <t>174.</t>
  </si>
  <si>
    <t>175.</t>
  </si>
  <si>
    <t>176.</t>
  </si>
  <si>
    <t>177.</t>
  </si>
  <si>
    <t>178.</t>
  </si>
  <si>
    <t>179.</t>
  </si>
  <si>
    <t>180.</t>
  </si>
  <si>
    <t>181.</t>
  </si>
  <si>
    <t>182.</t>
  </si>
  <si>
    <t>183.</t>
  </si>
  <si>
    <t>184.</t>
  </si>
  <si>
    <t>185.</t>
  </si>
  <si>
    <t>186.</t>
  </si>
  <si>
    <t>187.</t>
  </si>
  <si>
    <t>188.</t>
  </si>
  <si>
    <t>189.</t>
  </si>
  <si>
    <t>190.</t>
  </si>
  <si>
    <t>191.</t>
  </si>
  <si>
    <t>192.</t>
  </si>
  <si>
    <t>193.</t>
  </si>
  <si>
    <t>194.</t>
  </si>
  <si>
    <t>195.</t>
  </si>
  <si>
    <t>196.</t>
  </si>
  <si>
    <t>197.</t>
  </si>
  <si>
    <t>198.</t>
  </si>
  <si>
    <t>199.</t>
  </si>
  <si>
    <t>200.</t>
  </si>
  <si>
    <t>201.</t>
  </si>
  <si>
    <t>202.</t>
  </si>
  <si>
    <t>203.</t>
  </si>
  <si>
    <t>204.</t>
  </si>
  <si>
    <t>205.</t>
  </si>
  <si>
    <t>206.</t>
  </si>
  <si>
    <t>207.</t>
  </si>
  <si>
    <t>208.</t>
  </si>
  <si>
    <t>209.</t>
  </si>
  <si>
    <t>210.</t>
  </si>
  <si>
    <t>211.</t>
  </si>
  <si>
    <t>212.</t>
  </si>
  <si>
    <t>213.</t>
  </si>
  <si>
    <t>214.</t>
  </si>
  <si>
    <t>215.</t>
  </si>
  <si>
    <t>216.</t>
  </si>
  <si>
    <t>217.</t>
  </si>
  <si>
    <t>218.</t>
  </si>
  <si>
    <t>219.</t>
  </si>
  <si>
    <t>220.</t>
  </si>
  <si>
    <t>221.</t>
  </si>
  <si>
    <t>222.</t>
  </si>
  <si>
    <t>223.</t>
  </si>
  <si>
    <t>224.</t>
  </si>
  <si>
    <t>225.</t>
  </si>
  <si>
    <t>226.</t>
  </si>
  <si>
    <t>227.</t>
  </si>
  <si>
    <t>228.</t>
  </si>
  <si>
    <t>229.</t>
  </si>
  <si>
    <t>230.</t>
  </si>
  <si>
    <t>231.</t>
  </si>
  <si>
    <t>232.</t>
  </si>
  <si>
    <t>233.</t>
  </si>
  <si>
    <t>234.</t>
  </si>
  <si>
    <t>235.</t>
  </si>
  <si>
    <t>236.</t>
  </si>
  <si>
    <t>237.</t>
  </si>
  <si>
    <t>238.</t>
  </si>
  <si>
    <t>239.</t>
  </si>
  <si>
    <t>240.</t>
  </si>
  <si>
    <t>241.</t>
  </si>
  <si>
    <t>242.</t>
  </si>
  <si>
    <t>243.</t>
  </si>
  <si>
    <t>244.</t>
  </si>
  <si>
    <t>245.</t>
  </si>
  <si>
    <t>246.</t>
  </si>
  <si>
    <t>247.</t>
  </si>
  <si>
    <t>248.</t>
  </si>
  <si>
    <t>249.</t>
  </si>
  <si>
    <t>250.</t>
  </si>
  <si>
    <t>251.</t>
  </si>
  <si>
    <t>252.</t>
  </si>
  <si>
    <t>253.</t>
  </si>
  <si>
    <t>254.</t>
  </si>
  <si>
    <t>255.</t>
  </si>
  <si>
    <t>256.</t>
  </si>
  <si>
    <t>257.</t>
  </si>
  <si>
    <t>258.</t>
  </si>
  <si>
    <t>259.</t>
  </si>
  <si>
    <t>260.</t>
  </si>
  <si>
    <t>261.</t>
  </si>
  <si>
    <t>262.</t>
  </si>
  <si>
    <t>263.</t>
  </si>
  <si>
    <t>264.</t>
  </si>
  <si>
    <t>265.</t>
  </si>
  <si>
    <t>266.</t>
  </si>
  <si>
    <t>267.</t>
  </si>
  <si>
    <t>268.</t>
  </si>
  <si>
    <t>269.</t>
  </si>
  <si>
    <t>270.</t>
  </si>
  <si>
    <t>271.</t>
  </si>
  <si>
    <t>272.</t>
  </si>
  <si>
    <t>273.</t>
  </si>
  <si>
    <t>274.</t>
  </si>
  <si>
    <t>275.</t>
  </si>
  <si>
    <t>276.</t>
  </si>
  <si>
    <t>277.</t>
  </si>
  <si>
    <t>278.</t>
  </si>
  <si>
    <t>279.</t>
  </si>
  <si>
    <t>280.</t>
  </si>
  <si>
    <t>281.</t>
  </si>
  <si>
    <t>282.</t>
  </si>
  <si>
    <t>283.</t>
  </si>
  <si>
    <t>284.</t>
  </si>
  <si>
    <t>285.</t>
  </si>
  <si>
    <t>286.</t>
  </si>
  <si>
    <t>287.</t>
  </si>
  <si>
    <t>288.</t>
  </si>
  <si>
    <t>289.</t>
  </si>
  <si>
    <t>290.</t>
  </si>
  <si>
    <t>291.</t>
  </si>
  <si>
    <t>292.</t>
  </si>
  <si>
    <t>293.</t>
  </si>
  <si>
    <t>294.</t>
  </si>
  <si>
    <t>295.</t>
  </si>
  <si>
    <t>296.</t>
  </si>
  <si>
    <t>297.</t>
  </si>
  <si>
    <t>298.</t>
  </si>
  <si>
    <t>299.</t>
  </si>
  <si>
    <t>300.</t>
  </si>
  <si>
    <t>301.</t>
  </si>
  <si>
    <t>302.</t>
  </si>
  <si>
    <t>303.</t>
  </si>
  <si>
    <t>304.</t>
  </si>
  <si>
    <t>305.</t>
  </si>
  <si>
    <t>306.</t>
  </si>
  <si>
    <t>307.</t>
  </si>
  <si>
    <t>308.</t>
  </si>
  <si>
    <t>309.</t>
  </si>
  <si>
    <t>310.</t>
  </si>
  <si>
    <t>311.</t>
  </si>
  <si>
    <t>312.</t>
  </si>
  <si>
    <t>313.</t>
  </si>
  <si>
    <t>314.</t>
  </si>
  <si>
    <t>315.</t>
  </si>
  <si>
    <t>316.</t>
  </si>
  <si>
    <t>317.</t>
  </si>
  <si>
    <t>318.</t>
  </si>
  <si>
    <t>319.</t>
  </si>
  <si>
    <t>320.</t>
  </si>
  <si>
    <t>321.</t>
  </si>
  <si>
    <t>322.</t>
  </si>
  <si>
    <t>323.</t>
  </si>
  <si>
    <t>324.</t>
  </si>
  <si>
    <t>325.</t>
  </si>
  <si>
    <t>326.</t>
  </si>
  <si>
    <t>327.</t>
  </si>
  <si>
    <t>328.</t>
  </si>
  <si>
    <t>329.</t>
  </si>
  <si>
    <t>330.</t>
  </si>
  <si>
    <t>331.</t>
  </si>
  <si>
    <t>332.</t>
  </si>
  <si>
    <t>333.</t>
  </si>
  <si>
    <t>334.</t>
  </si>
  <si>
    <t>335.</t>
  </si>
  <si>
    <t>336.</t>
  </si>
  <si>
    <t>337.</t>
  </si>
  <si>
    <t>338.</t>
  </si>
  <si>
    <t>339.</t>
  </si>
  <si>
    <t>340.</t>
  </si>
  <si>
    <t>341.</t>
  </si>
  <si>
    <t>342.</t>
  </si>
  <si>
    <t>343.</t>
  </si>
  <si>
    <t>344.</t>
  </si>
  <si>
    <t>345.</t>
  </si>
  <si>
    <t>346.</t>
  </si>
  <si>
    <t>347.</t>
  </si>
  <si>
    <t>348.</t>
  </si>
  <si>
    <t>349.</t>
  </si>
  <si>
    <t>350.</t>
  </si>
  <si>
    <t>351.</t>
  </si>
  <si>
    <t>352.</t>
  </si>
  <si>
    <t>353.</t>
  </si>
  <si>
    <t>354.</t>
  </si>
  <si>
    <t>355.</t>
  </si>
  <si>
    <t>356.</t>
  </si>
  <si>
    <t>357.</t>
  </si>
  <si>
    <t>358.</t>
  </si>
  <si>
    <t>359.</t>
  </si>
  <si>
    <t>360.</t>
  </si>
  <si>
    <t>361.</t>
  </si>
  <si>
    <t>362.</t>
  </si>
  <si>
    <t>363.</t>
  </si>
  <si>
    <t>364.</t>
  </si>
  <si>
    <t>365.</t>
  </si>
  <si>
    <t>366.</t>
  </si>
  <si>
    <t>367.</t>
  </si>
  <si>
    <t>368.</t>
  </si>
  <si>
    <t>369.</t>
  </si>
  <si>
    <t>370.</t>
  </si>
  <si>
    <t>371.</t>
  </si>
  <si>
    <t>372.</t>
  </si>
  <si>
    <t>373.</t>
  </si>
  <si>
    <t>374.</t>
  </si>
  <si>
    <t>375.</t>
  </si>
  <si>
    <t>376.</t>
  </si>
  <si>
    <t>377.</t>
  </si>
  <si>
    <t>378.</t>
  </si>
  <si>
    <t>379.</t>
  </si>
  <si>
    <t>380.</t>
  </si>
  <si>
    <t>381.</t>
  </si>
  <si>
    <t>382.</t>
  </si>
  <si>
    <t>383.</t>
  </si>
  <si>
    <t>384.</t>
  </si>
  <si>
    <t>385.</t>
  </si>
  <si>
    <t>386.</t>
  </si>
  <si>
    <t>387.</t>
  </si>
  <si>
    <t>388.</t>
  </si>
  <si>
    <t>389.</t>
  </si>
  <si>
    <t>390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8"/>
      <color theme="3"/>
      <name val="Cambria"/>
      <family val="2"/>
      <charset val="238"/>
      <scheme val="major"/>
    </font>
    <font>
      <b/>
      <sz val="15"/>
      <color theme="3"/>
      <name val="Calibri"/>
      <family val="2"/>
      <charset val="238"/>
      <scheme val="minor"/>
    </font>
    <font>
      <b/>
      <sz val="13"/>
      <color theme="3"/>
      <name val="Calibri"/>
      <family val="2"/>
      <charset val="238"/>
      <scheme val="minor"/>
    </font>
    <font>
      <b/>
      <sz val="11"/>
      <color theme="3"/>
      <name val="Calibri"/>
      <family val="2"/>
      <charset val="238"/>
      <scheme val="minor"/>
    </font>
    <font>
      <sz val="11"/>
      <color rgb="FF006100"/>
      <name val="Calibri"/>
      <family val="2"/>
      <charset val="238"/>
      <scheme val="minor"/>
    </font>
    <font>
      <sz val="11"/>
      <color rgb="FF9C0006"/>
      <name val="Calibri"/>
      <family val="2"/>
      <charset val="238"/>
      <scheme val="minor"/>
    </font>
    <font>
      <sz val="11"/>
      <color rgb="FF9C6500"/>
      <name val="Calibri"/>
      <family val="2"/>
      <charset val="238"/>
      <scheme val="minor"/>
    </font>
    <font>
      <sz val="11"/>
      <color rgb="FF3F3F76"/>
      <name val="Calibri"/>
      <family val="2"/>
      <charset val="238"/>
      <scheme val="minor"/>
    </font>
    <font>
      <b/>
      <sz val="11"/>
      <color rgb="FF3F3F3F"/>
      <name val="Calibri"/>
      <family val="2"/>
      <charset val="238"/>
      <scheme val="minor"/>
    </font>
    <font>
      <b/>
      <sz val="11"/>
      <color rgb="FFFA7D00"/>
      <name val="Calibri"/>
      <family val="2"/>
      <charset val="238"/>
      <scheme val="minor"/>
    </font>
    <font>
      <sz val="11"/>
      <color rgb="FFFA7D00"/>
      <name val="Calibri"/>
      <family val="2"/>
      <charset val="238"/>
      <scheme val="minor"/>
    </font>
    <font>
      <b/>
      <sz val="11"/>
      <color theme="0"/>
      <name val="Calibri"/>
      <family val="2"/>
      <charset val="238"/>
      <scheme val="minor"/>
    </font>
    <font>
      <sz val="11"/>
      <color rgb="FFFF0000"/>
      <name val="Calibri"/>
      <family val="2"/>
      <charset val="238"/>
      <scheme val="minor"/>
    </font>
    <font>
      <i/>
      <sz val="11"/>
      <color rgb="FF7F7F7F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1"/>
      <color theme="0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/>
    <xf numFmtId="0" fontId="1" fillId="10" borderId="0" applyNumberFormat="0" applyBorder="0" applyAlignment="0" applyProtection="0"/>
    <xf numFmtId="0" fontId="1" fillId="14" borderId="0" applyNumberFormat="0" applyBorder="0" applyAlignment="0" applyProtection="0"/>
    <xf numFmtId="0" fontId="1" fillId="18" borderId="0" applyNumberFormat="0" applyBorder="0" applyAlignment="0" applyProtection="0"/>
    <xf numFmtId="0" fontId="1" fillId="22" borderId="0" applyNumberFormat="0" applyBorder="0" applyAlignment="0" applyProtection="0"/>
    <xf numFmtId="0" fontId="1" fillId="26" borderId="0" applyNumberFormat="0" applyBorder="0" applyAlignment="0" applyProtection="0"/>
    <xf numFmtId="0" fontId="1" fillId="30" borderId="0" applyNumberFormat="0" applyBorder="0" applyAlignment="0" applyProtection="0"/>
    <xf numFmtId="0" fontId="1" fillId="11" borderId="0" applyNumberFormat="0" applyBorder="0" applyAlignment="0" applyProtection="0"/>
    <xf numFmtId="0" fontId="1" fillId="15" borderId="0" applyNumberFormat="0" applyBorder="0" applyAlignment="0" applyProtection="0"/>
    <xf numFmtId="0" fontId="1" fillId="19" borderId="0" applyNumberFormat="0" applyBorder="0" applyAlignment="0" applyProtection="0"/>
    <xf numFmtId="0" fontId="1" fillId="23" borderId="0" applyNumberFormat="0" applyBorder="0" applyAlignment="0" applyProtection="0"/>
    <xf numFmtId="0" fontId="1" fillId="27" borderId="0" applyNumberFormat="0" applyBorder="0" applyAlignment="0" applyProtection="0"/>
    <xf numFmtId="0" fontId="1" fillId="31" borderId="0" applyNumberFormat="0" applyBorder="0" applyAlignment="0" applyProtection="0"/>
    <xf numFmtId="0" fontId="17" fillId="12" borderId="0" applyNumberFormat="0" applyBorder="0" applyAlignment="0" applyProtection="0"/>
    <xf numFmtId="0" fontId="17" fillId="16" borderId="0" applyNumberFormat="0" applyBorder="0" applyAlignment="0" applyProtection="0"/>
    <xf numFmtId="0" fontId="17" fillId="20" borderId="0" applyNumberFormat="0" applyBorder="0" applyAlignment="0" applyProtection="0"/>
    <xf numFmtId="0" fontId="17" fillId="24" borderId="0" applyNumberFormat="0" applyBorder="0" applyAlignment="0" applyProtection="0"/>
    <xf numFmtId="0" fontId="17" fillId="28" borderId="0" applyNumberFormat="0" applyBorder="0" applyAlignment="0" applyProtection="0"/>
    <xf numFmtId="0" fontId="17" fillId="32" borderId="0" applyNumberFormat="0" applyBorder="0" applyAlignment="0" applyProtection="0"/>
    <xf numFmtId="0" fontId="17" fillId="9" borderId="0" applyNumberFormat="0" applyBorder="0" applyAlignment="0" applyProtection="0"/>
    <xf numFmtId="0" fontId="17" fillId="13" borderId="0" applyNumberFormat="0" applyBorder="0" applyAlignment="0" applyProtection="0"/>
    <xf numFmtId="0" fontId="17" fillId="17" borderId="0" applyNumberFormat="0" applyBorder="0" applyAlignment="0" applyProtection="0"/>
    <xf numFmtId="0" fontId="17" fillId="21" borderId="0" applyNumberFormat="0" applyBorder="0" applyAlignment="0" applyProtection="0"/>
    <xf numFmtId="0" fontId="17" fillId="25" borderId="0" applyNumberFormat="0" applyBorder="0" applyAlignment="0" applyProtection="0"/>
    <xf numFmtId="0" fontId="17" fillId="29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6" fillId="2" borderId="0" applyNumberFormat="0" applyBorder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8" fillId="4" borderId="0" applyNumberFormat="0" applyBorder="0" applyAlignment="0" applyProtection="0"/>
    <xf numFmtId="0" fontId="11" fillId="6" borderId="4" applyNumberFormat="0" applyAlignment="0" applyProtection="0"/>
    <xf numFmtId="0" fontId="16" fillId="0" borderId="9" applyNumberFormat="0" applyFill="0" applyAlignment="0" applyProtection="0"/>
    <xf numFmtId="0" fontId="15" fillId="0" borderId="0" applyNumberFormat="0" applyFill="0" applyBorder="0" applyAlignment="0" applyProtection="0"/>
    <xf numFmtId="0" fontId="14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7" fillId="3" borderId="0" applyNumberFormat="0" applyBorder="0" applyAlignment="0" applyProtection="0"/>
  </cellStyleXfs>
  <cellXfs count="4">
    <xf numFmtId="0" fontId="0" fillId="0" borderId="0" xfId="0"/>
    <xf numFmtId="0" fontId="0" fillId="0" borderId="10" xfId="0" applyBorder="1"/>
    <xf numFmtId="0" fontId="18" fillId="0" borderId="10" xfId="0" applyFont="1" applyBorder="1" applyAlignment="1">
      <alignment wrapText="1"/>
    </xf>
    <xf numFmtId="0" fontId="16" fillId="0" borderId="10" xfId="0" applyFont="1" applyBorder="1"/>
  </cellXfs>
  <cellStyles count="42">
    <cellStyle name="20% — akcent 1" xfId="1" builtinId="30" customBuiltin="1"/>
    <cellStyle name="20% — akcent 2" xfId="2" builtinId="34" customBuiltin="1"/>
    <cellStyle name="20% — akcent 3" xfId="3" builtinId="38" customBuiltin="1"/>
    <cellStyle name="20% — akcent 4" xfId="4" builtinId="42" customBuiltin="1"/>
    <cellStyle name="20% — akcent 5" xfId="5" builtinId="46" customBuiltin="1"/>
    <cellStyle name="20% — akcent 6" xfId="6" builtinId="50" customBuiltin="1"/>
    <cellStyle name="40% — akcent 1" xfId="7" builtinId="31" customBuiltin="1"/>
    <cellStyle name="40% — akcent 2" xfId="8" builtinId="35" customBuiltin="1"/>
    <cellStyle name="40% — akcent 3" xfId="9" builtinId="39" customBuiltin="1"/>
    <cellStyle name="40% — akcent 4" xfId="10" builtinId="43" customBuiltin="1"/>
    <cellStyle name="40% — akcent 5" xfId="11" builtinId="47" customBuiltin="1"/>
    <cellStyle name="40% — akcent 6" xfId="12" builtinId="51" customBuiltin="1"/>
    <cellStyle name="60% — akcent 1" xfId="13" builtinId="32" customBuiltin="1"/>
    <cellStyle name="60% — akcent 2" xfId="14" builtinId="36" customBuiltin="1"/>
    <cellStyle name="60% — akcent 3" xfId="15" builtinId="40" customBuiltin="1"/>
    <cellStyle name="60% — akcent 4" xfId="16" builtinId="44" customBuiltin="1"/>
    <cellStyle name="60% — akcent 5" xfId="17" builtinId="48" customBuiltin="1"/>
    <cellStyle name="60% — akcent 6" xfId="18" builtinId="52" customBuiltin="1"/>
    <cellStyle name="Akcent 1" xfId="19" builtinId="29" customBuiltin="1"/>
    <cellStyle name="Akcent 2" xfId="20" builtinId="33" customBuiltin="1"/>
    <cellStyle name="Akcent 3" xfId="21" builtinId="37" customBuiltin="1"/>
    <cellStyle name="Akcent 4" xfId="22" builtinId="41" customBuiltin="1"/>
    <cellStyle name="Akcent 5" xfId="23" builtinId="45" customBuiltin="1"/>
    <cellStyle name="Akcent 6" xfId="24" builtinId="49" customBuiltin="1"/>
    <cellStyle name="Dane wejściowe" xfId="25" builtinId="20" customBuiltin="1"/>
    <cellStyle name="Dane wyjściowe" xfId="26" builtinId="21" customBuiltin="1"/>
    <cellStyle name="Dobry" xfId="27" builtinId="26" customBuiltin="1"/>
    <cellStyle name="Komórka połączona" xfId="28" builtinId="24" customBuiltin="1"/>
    <cellStyle name="Komórka zaznaczona" xfId="29" builtinId="23" customBuiltin="1"/>
    <cellStyle name="Nagłówek 1" xfId="30" builtinId="16" customBuiltin="1"/>
    <cellStyle name="Nagłówek 2" xfId="31" builtinId="17" customBuiltin="1"/>
    <cellStyle name="Nagłówek 3" xfId="32" builtinId="18" customBuiltin="1"/>
    <cellStyle name="Nagłówek 4" xfId="33" builtinId="19" customBuiltin="1"/>
    <cellStyle name="Neutralny" xfId="34" builtinId="28" customBuiltin="1"/>
    <cellStyle name="Normalny" xfId="0" builtinId="0"/>
    <cellStyle name="Obliczenia" xfId="35" builtinId="22" customBuiltin="1"/>
    <cellStyle name="Suma" xfId="36" builtinId="25" customBuiltin="1"/>
    <cellStyle name="Tekst objaśnienia" xfId="37" builtinId="53" customBuiltin="1"/>
    <cellStyle name="Tekst ostrzeżenia" xfId="38" builtinId="11" customBuiltin="1"/>
    <cellStyle name="Tytuł" xfId="39" builtinId="15" customBuiltin="1"/>
    <cellStyle name="Uwaga" xfId="40" builtinId="10" customBuiltin="1"/>
    <cellStyle name="Zły" xfId="41" builtinId="27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Pakiet Office 2007–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 2007–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 2007–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392"/>
  <sheetViews>
    <sheetView tabSelected="1" zoomScale="130" zoomScaleNormal="130" workbookViewId="0">
      <selection activeCell="B15" sqref="B15"/>
    </sheetView>
  </sheetViews>
  <sheetFormatPr defaultRowHeight="15" x14ac:dyDescent="0.25"/>
  <cols>
    <col min="2" max="2" width="77.5703125" customWidth="1"/>
    <col min="3" max="3" width="74.28515625" customWidth="1"/>
  </cols>
  <sheetData>
    <row r="1" spans="1:2" ht="40.15" customHeight="1" x14ac:dyDescent="0.25">
      <c r="A1" s="1"/>
      <c r="B1" s="2" t="s">
        <v>52</v>
      </c>
    </row>
    <row r="2" spans="1:2" x14ac:dyDescent="0.25">
      <c r="A2" s="3" t="s">
        <v>53</v>
      </c>
      <c r="B2" s="3" t="s">
        <v>54</v>
      </c>
    </row>
    <row r="3" spans="1:2" x14ac:dyDescent="0.25">
      <c r="A3" s="1" t="s">
        <v>55</v>
      </c>
      <c r="B3" s="1" t="s">
        <v>59</v>
      </c>
    </row>
    <row r="4" spans="1:2" x14ac:dyDescent="0.25">
      <c r="A4" s="1" t="s">
        <v>56</v>
      </c>
      <c r="B4" s="1" t="s">
        <v>60</v>
      </c>
    </row>
    <row r="5" spans="1:2" x14ac:dyDescent="0.25">
      <c r="A5" s="1" t="s">
        <v>57</v>
      </c>
      <c r="B5" s="1" t="s">
        <v>61</v>
      </c>
    </row>
    <row r="6" spans="1:2" x14ac:dyDescent="0.25">
      <c r="A6" s="1" t="s">
        <v>58</v>
      </c>
      <c r="B6" s="1" t="s">
        <v>0</v>
      </c>
    </row>
    <row r="7" spans="1:2" x14ac:dyDescent="0.25">
      <c r="A7" s="1" t="s">
        <v>387</v>
      </c>
      <c r="B7" s="1" t="s">
        <v>1</v>
      </c>
    </row>
    <row r="8" spans="1:2" x14ac:dyDescent="0.25">
      <c r="A8" s="1" t="s">
        <v>388</v>
      </c>
      <c r="B8" s="1" t="s">
        <v>62</v>
      </c>
    </row>
    <row r="9" spans="1:2" x14ac:dyDescent="0.25">
      <c r="A9" s="1" t="s">
        <v>389</v>
      </c>
      <c r="B9" s="1" t="s">
        <v>63</v>
      </c>
    </row>
    <row r="10" spans="1:2" x14ac:dyDescent="0.25">
      <c r="A10" s="1" t="s">
        <v>390</v>
      </c>
      <c r="B10" s="1" t="s">
        <v>2</v>
      </c>
    </row>
    <row r="11" spans="1:2" x14ac:dyDescent="0.25">
      <c r="A11" s="1" t="s">
        <v>391</v>
      </c>
      <c r="B11" s="1" t="s">
        <v>64</v>
      </c>
    </row>
    <row r="12" spans="1:2" x14ac:dyDescent="0.25">
      <c r="A12" s="1" t="s">
        <v>392</v>
      </c>
      <c r="B12" s="1" t="s">
        <v>65</v>
      </c>
    </row>
    <row r="13" spans="1:2" x14ac:dyDescent="0.25">
      <c r="A13" s="1" t="s">
        <v>393</v>
      </c>
      <c r="B13" s="1" t="s">
        <v>66</v>
      </c>
    </row>
    <row r="14" spans="1:2" x14ac:dyDescent="0.25">
      <c r="A14" s="1" t="s">
        <v>394</v>
      </c>
      <c r="B14" s="1" t="s">
        <v>67</v>
      </c>
    </row>
    <row r="15" spans="1:2" x14ac:dyDescent="0.25">
      <c r="A15" s="1" t="s">
        <v>395</v>
      </c>
      <c r="B15" s="1" t="s">
        <v>3</v>
      </c>
    </row>
    <row r="16" spans="1:2" x14ac:dyDescent="0.25">
      <c r="A16" s="1" t="s">
        <v>396</v>
      </c>
      <c r="B16" s="1" t="s">
        <v>68</v>
      </c>
    </row>
    <row r="17" spans="1:2" x14ac:dyDescent="0.25">
      <c r="A17" s="1" t="s">
        <v>397</v>
      </c>
      <c r="B17" s="1" t="s">
        <v>69</v>
      </c>
    </row>
    <row r="18" spans="1:2" x14ac:dyDescent="0.25">
      <c r="A18" s="1" t="s">
        <v>398</v>
      </c>
      <c r="B18" s="1" t="s">
        <v>70</v>
      </c>
    </row>
    <row r="19" spans="1:2" x14ac:dyDescent="0.25">
      <c r="A19" s="1" t="s">
        <v>399</v>
      </c>
      <c r="B19" s="1" t="s">
        <v>4</v>
      </c>
    </row>
    <row r="20" spans="1:2" x14ac:dyDescent="0.25">
      <c r="A20" s="1" t="s">
        <v>400</v>
      </c>
      <c r="B20" s="1" t="s">
        <v>71</v>
      </c>
    </row>
    <row r="21" spans="1:2" x14ac:dyDescent="0.25">
      <c r="A21" s="1" t="s">
        <v>401</v>
      </c>
      <c r="B21" s="1" t="s">
        <v>72</v>
      </c>
    </row>
    <row r="22" spans="1:2" x14ac:dyDescent="0.25">
      <c r="A22" s="1" t="s">
        <v>402</v>
      </c>
      <c r="B22" s="1" t="s">
        <v>73</v>
      </c>
    </row>
    <row r="23" spans="1:2" x14ac:dyDescent="0.25">
      <c r="A23" s="1" t="s">
        <v>403</v>
      </c>
      <c r="B23" s="1" t="s">
        <v>74</v>
      </c>
    </row>
    <row r="24" spans="1:2" x14ac:dyDescent="0.25">
      <c r="A24" s="1" t="s">
        <v>404</v>
      </c>
      <c r="B24" s="1" t="s">
        <v>5</v>
      </c>
    </row>
    <row r="25" spans="1:2" x14ac:dyDescent="0.25">
      <c r="A25" s="1" t="s">
        <v>405</v>
      </c>
      <c r="B25" s="1" t="s">
        <v>75</v>
      </c>
    </row>
    <row r="26" spans="1:2" x14ac:dyDescent="0.25">
      <c r="A26" s="1" t="s">
        <v>406</v>
      </c>
      <c r="B26" s="1" t="s">
        <v>76</v>
      </c>
    </row>
    <row r="27" spans="1:2" x14ac:dyDescent="0.25">
      <c r="A27" s="1" t="s">
        <v>407</v>
      </c>
      <c r="B27" s="1" t="s">
        <v>77</v>
      </c>
    </row>
    <row r="28" spans="1:2" x14ac:dyDescent="0.25">
      <c r="A28" s="1" t="s">
        <v>408</v>
      </c>
      <c r="B28" s="1" t="s">
        <v>78</v>
      </c>
    </row>
    <row r="29" spans="1:2" x14ac:dyDescent="0.25">
      <c r="A29" s="1" t="s">
        <v>409</v>
      </c>
      <c r="B29" s="1" t="s">
        <v>79</v>
      </c>
    </row>
    <row r="30" spans="1:2" x14ac:dyDescent="0.25">
      <c r="A30" s="1" t="s">
        <v>410</v>
      </c>
      <c r="B30" s="1" t="s">
        <v>80</v>
      </c>
    </row>
    <row r="31" spans="1:2" x14ac:dyDescent="0.25">
      <c r="A31" s="1" t="s">
        <v>411</v>
      </c>
      <c r="B31" s="1" t="s">
        <v>81</v>
      </c>
    </row>
    <row r="32" spans="1:2" x14ac:dyDescent="0.25">
      <c r="A32" s="1" t="s">
        <v>412</v>
      </c>
      <c r="B32" s="1" t="s">
        <v>82</v>
      </c>
    </row>
    <row r="33" spans="1:2" x14ac:dyDescent="0.25">
      <c r="A33" s="1" t="s">
        <v>413</v>
      </c>
      <c r="B33" s="1" t="s">
        <v>83</v>
      </c>
    </row>
    <row r="34" spans="1:2" x14ac:dyDescent="0.25">
      <c r="A34" s="1" t="s">
        <v>414</v>
      </c>
      <c r="B34" s="1" t="s">
        <v>84</v>
      </c>
    </row>
    <row r="35" spans="1:2" x14ac:dyDescent="0.25">
      <c r="A35" s="1" t="s">
        <v>415</v>
      </c>
      <c r="B35" s="1" t="s">
        <v>85</v>
      </c>
    </row>
    <row r="36" spans="1:2" x14ac:dyDescent="0.25">
      <c r="A36" s="1" t="s">
        <v>416</v>
      </c>
      <c r="B36" s="1" t="s">
        <v>86</v>
      </c>
    </row>
    <row r="37" spans="1:2" x14ac:dyDescent="0.25">
      <c r="A37" s="1" t="s">
        <v>417</v>
      </c>
      <c r="B37" s="1" t="s">
        <v>87</v>
      </c>
    </row>
    <row r="38" spans="1:2" x14ac:dyDescent="0.25">
      <c r="A38" s="1" t="s">
        <v>418</v>
      </c>
      <c r="B38" s="1" t="s">
        <v>88</v>
      </c>
    </row>
    <row r="39" spans="1:2" x14ac:dyDescent="0.25">
      <c r="A39" s="1" t="s">
        <v>419</v>
      </c>
      <c r="B39" s="1" t="s">
        <v>89</v>
      </c>
    </row>
    <row r="40" spans="1:2" x14ac:dyDescent="0.25">
      <c r="A40" s="1" t="s">
        <v>420</v>
      </c>
      <c r="B40" s="1" t="s">
        <v>90</v>
      </c>
    </row>
    <row r="41" spans="1:2" x14ac:dyDescent="0.25">
      <c r="A41" s="1" t="s">
        <v>421</v>
      </c>
      <c r="B41" s="1" t="s">
        <v>91</v>
      </c>
    </row>
    <row r="42" spans="1:2" x14ac:dyDescent="0.25">
      <c r="A42" s="1" t="s">
        <v>422</v>
      </c>
      <c r="B42" s="1" t="s">
        <v>92</v>
      </c>
    </row>
    <row r="43" spans="1:2" x14ac:dyDescent="0.25">
      <c r="A43" s="1" t="s">
        <v>423</v>
      </c>
      <c r="B43" s="1" t="s">
        <v>93</v>
      </c>
    </row>
    <row r="44" spans="1:2" x14ac:dyDescent="0.25">
      <c r="A44" s="1" t="s">
        <v>424</v>
      </c>
      <c r="B44" s="1" t="s">
        <v>6</v>
      </c>
    </row>
    <row r="45" spans="1:2" x14ac:dyDescent="0.25">
      <c r="A45" s="1" t="s">
        <v>425</v>
      </c>
      <c r="B45" s="1" t="s">
        <v>96</v>
      </c>
    </row>
    <row r="46" spans="1:2" x14ac:dyDescent="0.25">
      <c r="A46" s="1" t="s">
        <v>426</v>
      </c>
      <c r="B46" s="1" t="s">
        <v>94</v>
      </c>
    </row>
    <row r="47" spans="1:2" x14ac:dyDescent="0.25">
      <c r="A47" s="1" t="s">
        <v>427</v>
      </c>
      <c r="B47" s="1" t="s">
        <v>7</v>
      </c>
    </row>
    <row r="48" spans="1:2" x14ac:dyDescent="0.25">
      <c r="A48" s="1" t="s">
        <v>428</v>
      </c>
      <c r="B48" s="1" t="s">
        <v>95</v>
      </c>
    </row>
    <row r="49" spans="1:2" x14ac:dyDescent="0.25">
      <c r="A49" s="1" t="s">
        <v>429</v>
      </c>
      <c r="B49" s="1" t="s">
        <v>98</v>
      </c>
    </row>
    <row r="50" spans="1:2" x14ac:dyDescent="0.25">
      <c r="A50" s="1" t="s">
        <v>430</v>
      </c>
      <c r="B50" s="1" t="s">
        <v>97</v>
      </c>
    </row>
    <row r="51" spans="1:2" x14ac:dyDescent="0.25">
      <c r="A51" s="1" t="s">
        <v>431</v>
      </c>
      <c r="B51" s="1" t="s">
        <v>99</v>
      </c>
    </row>
    <row r="52" spans="1:2" x14ac:dyDescent="0.25">
      <c r="A52" s="1" t="s">
        <v>432</v>
      </c>
      <c r="B52" s="1" t="s">
        <v>100</v>
      </c>
    </row>
    <row r="53" spans="1:2" x14ac:dyDescent="0.25">
      <c r="A53" s="1" t="s">
        <v>433</v>
      </c>
      <c r="B53" s="1" t="s">
        <v>102</v>
      </c>
    </row>
    <row r="54" spans="1:2" x14ac:dyDescent="0.25">
      <c r="A54" s="1" t="s">
        <v>434</v>
      </c>
      <c r="B54" s="1" t="s">
        <v>101</v>
      </c>
    </row>
    <row r="55" spans="1:2" x14ac:dyDescent="0.25">
      <c r="A55" s="1" t="s">
        <v>435</v>
      </c>
      <c r="B55" s="1" t="s">
        <v>103</v>
      </c>
    </row>
    <row r="56" spans="1:2" x14ac:dyDescent="0.25">
      <c r="A56" s="1" t="s">
        <v>436</v>
      </c>
      <c r="B56" s="1" t="s">
        <v>104</v>
      </c>
    </row>
    <row r="57" spans="1:2" x14ac:dyDescent="0.25">
      <c r="A57" s="1" t="s">
        <v>437</v>
      </c>
      <c r="B57" s="1" t="s">
        <v>105</v>
      </c>
    </row>
    <row r="58" spans="1:2" x14ac:dyDescent="0.25">
      <c r="A58" s="1" t="s">
        <v>438</v>
      </c>
      <c r="B58" s="1" t="s">
        <v>8</v>
      </c>
    </row>
    <row r="59" spans="1:2" x14ac:dyDescent="0.25">
      <c r="A59" s="1" t="s">
        <v>439</v>
      </c>
      <c r="B59" s="1" t="s">
        <v>106</v>
      </c>
    </row>
    <row r="60" spans="1:2" x14ac:dyDescent="0.25">
      <c r="A60" s="1" t="s">
        <v>440</v>
      </c>
      <c r="B60" s="1" t="s">
        <v>107</v>
      </c>
    </row>
    <row r="61" spans="1:2" x14ac:dyDescent="0.25">
      <c r="A61" s="1" t="s">
        <v>441</v>
      </c>
      <c r="B61" s="1" t="s">
        <v>108</v>
      </c>
    </row>
    <row r="62" spans="1:2" x14ac:dyDescent="0.25">
      <c r="A62" s="1" t="s">
        <v>442</v>
      </c>
      <c r="B62" s="1" t="s">
        <v>109</v>
      </c>
    </row>
    <row r="63" spans="1:2" x14ac:dyDescent="0.25">
      <c r="A63" s="1" t="s">
        <v>443</v>
      </c>
      <c r="B63" s="1" t="s">
        <v>110</v>
      </c>
    </row>
    <row r="64" spans="1:2" x14ac:dyDescent="0.25">
      <c r="A64" s="1" t="s">
        <v>444</v>
      </c>
      <c r="B64" s="1" t="s">
        <v>9</v>
      </c>
    </row>
    <row r="65" spans="1:2" x14ac:dyDescent="0.25">
      <c r="A65" s="1" t="s">
        <v>445</v>
      </c>
      <c r="B65" s="1" t="s">
        <v>111</v>
      </c>
    </row>
    <row r="66" spans="1:2" x14ac:dyDescent="0.25">
      <c r="A66" s="1" t="s">
        <v>446</v>
      </c>
      <c r="B66" s="1" t="s">
        <v>112</v>
      </c>
    </row>
    <row r="67" spans="1:2" x14ac:dyDescent="0.25">
      <c r="A67" s="1" t="s">
        <v>447</v>
      </c>
      <c r="B67" s="1" t="s">
        <v>113</v>
      </c>
    </row>
    <row r="68" spans="1:2" x14ac:dyDescent="0.25">
      <c r="A68" s="1" t="s">
        <v>448</v>
      </c>
      <c r="B68" s="1" t="s">
        <v>114</v>
      </c>
    </row>
    <row r="69" spans="1:2" x14ac:dyDescent="0.25">
      <c r="A69" s="1" t="s">
        <v>449</v>
      </c>
      <c r="B69" s="1" t="s">
        <v>115</v>
      </c>
    </row>
    <row r="70" spans="1:2" x14ac:dyDescent="0.25">
      <c r="A70" s="1" t="s">
        <v>450</v>
      </c>
      <c r="B70" s="1" t="s">
        <v>116</v>
      </c>
    </row>
    <row r="71" spans="1:2" x14ac:dyDescent="0.25">
      <c r="A71" s="1" t="s">
        <v>451</v>
      </c>
      <c r="B71" s="1" t="s">
        <v>117</v>
      </c>
    </row>
    <row r="72" spans="1:2" x14ac:dyDescent="0.25">
      <c r="A72" s="1" t="s">
        <v>452</v>
      </c>
      <c r="B72" s="1" t="s">
        <v>118</v>
      </c>
    </row>
    <row r="73" spans="1:2" x14ac:dyDescent="0.25">
      <c r="A73" s="1" t="s">
        <v>453</v>
      </c>
      <c r="B73" s="1" t="s">
        <v>119</v>
      </c>
    </row>
    <row r="74" spans="1:2" x14ac:dyDescent="0.25">
      <c r="A74" s="1" t="s">
        <v>454</v>
      </c>
      <c r="B74" s="1" t="s">
        <v>120</v>
      </c>
    </row>
    <row r="75" spans="1:2" x14ac:dyDescent="0.25">
      <c r="A75" s="1" t="s">
        <v>455</v>
      </c>
      <c r="B75" s="1" t="s">
        <v>121</v>
      </c>
    </row>
    <row r="76" spans="1:2" x14ac:dyDescent="0.25">
      <c r="A76" s="1" t="s">
        <v>456</v>
      </c>
      <c r="B76" s="1" t="s">
        <v>122</v>
      </c>
    </row>
    <row r="77" spans="1:2" x14ac:dyDescent="0.25">
      <c r="A77" s="1" t="s">
        <v>457</v>
      </c>
      <c r="B77" s="1" t="s">
        <v>123</v>
      </c>
    </row>
    <row r="78" spans="1:2" x14ac:dyDescent="0.25">
      <c r="A78" s="1" t="s">
        <v>458</v>
      </c>
      <c r="B78" s="1" t="s">
        <v>124</v>
      </c>
    </row>
    <row r="79" spans="1:2" x14ac:dyDescent="0.25">
      <c r="A79" s="1" t="s">
        <v>459</v>
      </c>
      <c r="B79" s="1" t="s">
        <v>125</v>
      </c>
    </row>
    <row r="80" spans="1:2" x14ac:dyDescent="0.25">
      <c r="A80" s="1" t="s">
        <v>460</v>
      </c>
      <c r="B80" s="1" t="s">
        <v>126</v>
      </c>
    </row>
    <row r="81" spans="1:2" x14ac:dyDescent="0.25">
      <c r="A81" s="1" t="s">
        <v>461</v>
      </c>
      <c r="B81" s="1" t="s">
        <v>10</v>
      </c>
    </row>
    <row r="82" spans="1:2" x14ac:dyDescent="0.25">
      <c r="A82" s="1" t="s">
        <v>462</v>
      </c>
      <c r="B82" s="1" t="s">
        <v>11</v>
      </c>
    </row>
    <row r="83" spans="1:2" x14ac:dyDescent="0.25">
      <c r="A83" s="1" t="s">
        <v>463</v>
      </c>
      <c r="B83" s="1" t="s">
        <v>127</v>
      </c>
    </row>
    <row r="84" spans="1:2" x14ac:dyDescent="0.25">
      <c r="A84" s="1" t="s">
        <v>464</v>
      </c>
      <c r="B84" s="1" t="s">
        <v>128</v>
      </c>
    </row>
    <row r="85" spans="1:2" x14ac:dyDescent="0.25">
      <c r="A85" s="1" t="s">
        <v>465</v>
      </c>
      <c r="B85" s="1" t="s">
        <v>129</v>
      </c>
    </row>
    <row r="86" spans="1:2" x14ac:dyDescent="0.25">
      <c r="A86" s="1" t="s">
        <v>466</v>
      </c>
      <c r="B86" s="1" t="s">
        <v>130</v>
      </c>
    </row>
    <row r="87" spans="1:2" x14ac:dyDescent="0.25">
      <c r="A87" s="1" t="s">
        <v>467</v>
      </c>
      <c r="B87" s="1" t="s">
        <v>131</v>
      </c>
    </row>
    <row r="88" spans="1:2" x14ac:dyDescent="0.25">
      <c r="A88" s="1" t="s">
        <v>468</v>
      </c>
      <c r="B88" s="1" t="s">
        <v>132</v>
      </c>
    </row>
    <row r="89" spans="1:2" x14ac:dyDescent="0.25">
      <c r="A89" s="1" t="s">
        <v>469</v>
      </c>
      <c r="B89" s="1" t="s">
        <v>133</v>
      </c>
    </row>
    <row r="90" spans="1:2" x14ac:dyDescent="0.25">
      <c r="A90" s="1" t="s">
        <v>470</v>
      </c>
      <c r="B90" s="1" t="s">
        <v>12</v>
      </c>
    </row>
    <row r="91" spans="1:2" x14ac:dyDescent="0.25">
      <c r="A91" s="1" t="s">
        <v>471</v>
      </c>
      <c r="B91" s="1" t="s">
        <v>134</v>
      </c>
    </row>
    <row r="92" spans="1:2" x14ac:dyDescent="0.25">
      <c r="A92" s="1" t="s">
        <v>472</v>
      </c>
      <c r="B92" s="1" t="s">
        <v>135</v>
      </c>
    </row>
    <row r="93" spans="1:2" x14ac:dyDescent="0.25">
      <c r="A93" s="1" t="s">
        <v>473</v>
      </c>
      <c r="B93" s="1" t="s">
        <v>13</v>
      </c>
    </row>
    <row r="94" spans="1:2" x14ac:dyDescent="0.25">
      <c r="A94" s="1" t="s">
        <v>474</v>
      </c>
      <c r="B94" s="1" t="s">
        <v>136</v>
      </c>
    </row>
    <row r="95" spans="1:2" x14ac:dyDescent="0.25">
      <c r="A95" s="1" t="s">
        <v>475</v>
      </c>
      <c r="B95" s="1" t="s">
        <v>137</v>
      </c>
    </row>
    <row r="96" spans="1:2" x14ac:dyDescent="0.25">
      <c r="A96" s="1" t="s">
        <v>476</v>
      </c>
      <c r="B96" s="1" t="s">
        <v>14</v>
      </c>
    </row>
    <row r="97" spans="1:2" x14ac:dyDescent="0.25">
      <c r="A97" s="1" t="s">
        <v>477</v>
      </c>
      <c r="B97" s="1" t="s">
        <v>138</v>
      </c>
    </row>
    <row r="98" spans="1:2" x14ac:dyDescent="0.25">
      <c r="A98" s="1" t="s">
        <v>478</v>
      </c>
      <c r="B98" s="1" t="s">
        <v>139</v>
      </c>
    </row>
    <row r="99" spans="1:2" x14ac:dyDescent="0.25">
      <c r="A99" s="1" t="s">
        <v>479</v>
      </c>
      <c r="B99" s="1" t="s">
        <v>140</v>
      </c>
    </row>
    <row r="100" spans="1:2" x14ac:dyDescent="0.25">
      <c r="A100" s="1" t="s">
        <v>480</v>
      </c>
      <c r="B100" s="1" t="s">
        <v>141</v>
      </c>
    </row>
    <row r="101" spans="1:2" x14ac:dyDescent="0.25">
      <c r="A101" s="1" t="s">
        <v>481</v>
      </c>
      <c r="B101" s="1" t="s">
        <v>142</v>
      </c>
    </row>
    <row r="102" spans="1:2" x14ac:dyDescent="0.25">
      <c r="A102" s="1" t="s">
        <v>482</v>
      </c>
      <c r="B102" s="1" t="s">
        <v>143</v>
      </c>
    </row>
    <row r="103" spans="1:2" x14ac:dyDescent="0.25">
      <c r="A103" s="1" t="s">
        <v>483</v>
      </c>
      <c r="B103" s="1" t="s">
        <v>144</v>
      </c>
    </row>
    <row r="104" spans="1:2" x14ac:dyDescent="0.25">
      <c r="A104" s="1" t="s">
        <v>484</v>
      </c>
      <c r="B104" s="1" t="s">
        <v>145</v>
      </c>
    </row>
    <row r="105" spans="1:2" x14ac:dyDescent="0.25">
      <c r="A105" s="1" t="s">
        <v>485</v>
      </c>
      <c r="B105" s="1" t="s">
        <v>146</v>
      </c>
    </row>
    <row r="106" spans="1:2" x14ac:dyDescent="0.25">
      <c r="A106" s="1" t="s">
        <v>486</v>
      </c>
      <c r="B106" s="1" t="s">
        <v>147</v>
      </c>
    </row>
    <row r="107" spans="1:2" x14ac:dyDescent="0.25">
      <c r="A107" s="1" t="s">
        <v>487</v>
      </c>
      <c r="B107" s="1" t="s">
        <v>148</v>
      </c>
    </row>
    <row r="108" spans="1:2" x14ac:dyDescent="0.25">
      <c r="A108" s="1" t="s">
        <v>488</v>
      </c>
      <c r="B108" s="1" t="s">
        <v>149</v>
      </c>
    </row>
    <row r="109" spans="1:2" x14ac:dyDescent="0.25">
      <c r="A109" s="1" t="s">
        <v>489</v>
      </c>
      <c r="B109" s="1" t="s">
        <v>150</v>
      </c>
    </row>
    <row r="110" spans="1:2" x14ac:dyDescent="0.25">
      <c r="A110" s="1" t="s">
        <v>490</v>
      </c>
      <c r="B110" s="1" t="s">
        <v>151</v>
      </c>
    </row>
    <row r="111" spans="1:2" x14ac:dyDescent="0.25">
      <c r="A111" s="1" t="s">
        <v>491</v>
      </c>
      <c r="B111" s="1" t="s">
        <v>15</v>
      </c>
    </row>
    <row r="112" spans="1:2" x14ac:dyDescent="0.25">
      <c r="A112" s="1" t="s">
        <v>492</v>
      </c>
      <c r="B112" s="1" t="s">
        <v>16</v>
      </c>
    </row>
    <row r="113" spans="1:2" x14ac:dyDescent="0.25">
      <c r="A113" s="1" t="s">
        <v>493</v>
      </c>
      <c r="B113" s="1" t="s">
        <v>152</v>
      </c>
    </row>
    <row r="114" spans="1:2" x14ac:dyDescent="0.25">
      <c r="A114" s="1" t="s">
        <v>494</v>
      </c>
      <c r="B114" s="1" t="s">
        <v>153</v>
      </c>
    </row>
    <row r="115" spans="1:2" x14ac:dyDescent="0.25">
      <c r="A115" s="1" t="s">
        <v>495</v>
      </c>
      <c r="B115" s="1" t="s">
        <v>154</v>
      </c>
    </row>
    <row r="116" spans="1:2" x14ac:dyDescent="0.25">
      <c r="A116" s="1" t="s">
        <v>496</v>
      </c>
      <c r="B116" s="1" t="s">
        <v>155</v>
      </c>
    </row>
    <row r="117" spans="1:2" x14ac:dyDescent="0.25">
      <c r="A117" s="1" t="s">
        <v>497</v>
      </c>
      <c r="B117" s="1" t="s">
        <v>119</v>
      </c>
    </row>
    <row r="118" spans="1:2" x14ac:dyDescent="0.25">
      <c r="A118" s="1" t="s">
        <v>498</v>
      </c>
      <c r="B118" s="1" t="s">
        <v>156</v>
      </c>
    </row>
    <row r="119" spans="1:2" x14ac:dyDescent="0.25">
      <c r="A119" s="1" t="s">
        <v>499</v>
      </c>
      <c r="B119" s="1" t="s">
        <v>17</v>
      </c>
    </row>
    <row r="120" spans="1:2" x14ac:dyDescent="0.25">
      <c r="A120" s="1" t="s">
        <v>500</v>
      </c>
      <c r="B120" s="1" t="s">
        <v>157</v>
      </c>
    </row>
    <row r="121" spans="1:2" x14ac:dyDescent="0.25">
      <c r="A121" s="1" t="s">
        <v>501</v>
      </c>
      <c r="B121" s="1" t="s">
        <v>158</v>
      </c>
    </row>
    <row r="122" spans="1:2" x14ac:dyDescent="0.25">
      <c r="A122" s="1" t="s">
        <v>502</v>
      </c>
      <c r="B122" s="1" t="s">
        <v>159</v>
      </c>
    </row>
    <row r="123" spans="1:2" x14ac:dyDescent="0.25">
      <c r="A123" s="1" t="s">
        <v>503</v>
      </c>
      <c r="B123" s="1" t="s">
        <v>160</v>
      </c>
    </row>
    <row r="124" spans="1:2" x14ac:dyDescent="0.25">
      <c r="A124" s="1" t="s">
        <v>504</v>
      </c>
      <c r="B124" s="1" t="s">
        <v>161</v>
      </c>
    </row>
    <row r="125" spans="1:2" x14ac:dyDescent="0.25">
      <c r="A125" s="1" t="s">
        <v>505</v>
      </c>
      <c r="B125" s="1" t="s">
        <v>3</v>
      </c>
    </row>
    <row r="126" spans="1:2" x14ac:dyDescent="0.25">
      <c r="A126" s="1" t="s">
        <v>506</v>
      </c>
      <c r="B126" s="1" t="s">
        <v>162</v>
      </c>
    </row>
    <row r="127" spans="1:2" x14ac:dyDescent="0.25">
      <c r="A127" s="1" t="s">
        <v>507</v>
      </c>
      <c r="B127" s="1" t="s">
        <v>163</v>
      </c>
    </row>
    <row r="128" spans="1:2" x14ac:dyDescent="0.25">
      <c r="A128" s="1" t="s">
        <v>508</v>
      </c>
      <c r="B128" s="1" t="s">
        <v>18</v>
      </c>
    </row>
    <row r="129" spans="1:2" x14ac:dyDescent="0.25">
      <c r="A129" s="1" t="s">
        <v>509</v>
      </c>
      <c r="B129" s="1" t="s">
        <v>164</v>
      </c>
    </row>
    <row r="130" spans="1:2" x14ac:dyDescent="0.25">
      <c r="A130" s="1" t="s">
        <v>510</v>
      </c>
      <c r="B130" s="1" t="s">
        <v>165</v>
      </c>
    </row>
    <row r="131" spans="1:2" x14ac:dyDescent="0.25">
      <c r="A131" s="1" t="s">
        <v>511</v>
      </c>
      <c r="B131" s="1" t="s">
        <v>166</v>
      </c>
    </row>
    <row r="132" spans="1:2" x14ac:dyDescent="0.25">
      <c r="A132" s="1" t="s">
        <v>512</v>
      </c>
      <c r="B132" s="1" t="s">
        <v>167</v>
      </c>
    </row>
    <row r="133" spans="1:2" x14ac:dyDescent="0.25">
      <c r="A133" s="1" t="s">
        <v>513</v>
      </c>
      <c r="B133" s="1" t="s">
        <v>168</v>
      </c>
    </row>
    <row r="134" spans="1:2" x14ac:dyDescent="0.25">
      <c r="A134" s="1" t="s">
        <v>514</v>
      </c>
      <c r="B134" s="1" t="s">
        <v>169</v>
      </c>
    </row>
    <row r="135" spans="1:2" x14ac:dyDescent="0.25">
      <c r="A135" s="1" t="s">
        <v>515</v>
      </c>
      <c r="B135" s="1" t="s">
        <v>170</v>
      </c>
    </row>
    <row r="136" spans="1:2" x14ac:dyDescent="0.25">
      <c r="A136" s="1" t="s">
        <v>516</v>
      </c>
      <c r="B136" s="1" t="s">
        <v>19</v>
      </c>
    </row>
    <row r="137" spans="1:2" x14ac:dyDescent="0.25">
      <c r="A137" s="1" t="s">
        <v>517</v>
      </c>
      <c r="B137" s="1" t="s">
        <v>171</v>
      </c>
    </row>
    <row r="138" spans="1:2" x14ac:dyDescent="0.25">
      <c r="A138" s="1" t="s">
        <v>518</v>
      </c>
      <c r="B138" s="1" t="s">
        <v>20</v>
      </c>
    </row>
    <row r="139" spans="1:2" x14ac:dyDescent="0.25">
      <c r="A139" s="1" t="s">
        <v>519</v>
      </c>
      <c r="B139" s="1" t="s">
        <v>172</v>
      </c>
    </row>
    <row r="140" spans="1:2" x14ac:dyDescent="0.25">
      <c r="A140" s="1" t="s">
        <v>520</v>
      </c>
      <c r="B140" s="1" t="s">
        <v>173</v>
      </c>
    </row>
    <row r="141" spans="1:2" x14ac:dyDescent="0.25">
      <c r="A141" s="1" t="s">
        <v>521</v>
      </c>
      <c r="B141" s="1" t="s">
        <v>21</v>
      </c>
    </row>
    <row r="142" spans="1:2" x14ac:dyDescent="0.25">
      <c r="A142" s="1" t="s">
        <v>522</v>
      </c>
      <c r="B142" s="1" t="s">
        <v>22</v>
      </c>
    </row>
    <row r="143" spans="1:2" x14ac:dyDescent="0.25">
      <c r="A143" s="1" t="s">
        <v>523</v>
      </c>
      <c r="B143" s="1" t="s">
        <v>23</v>
      </c>
    </row>
    <row r="144" spans="1:2" x14ac:dyDescent="0.25">
      <c r="A144" s="1" t="s">
        <v>524</v>
      </c>
      <c r="B144" s="1" t="s">
        <v>174</v>
      </c>
    </row>
    <row r="145" spans="1:2" x14ac:dyDescent="0.25">
      <c r="A145" s="1" t="s">
        <v>525</v>
      </c>
      <c r="B145" s="1" t="s">
        <v>175</v>
      </c>
    </row>
    <row r="146" spans="1:2" x14ac:dyDescent="0.25">
      <c r="A146" s="1" t="s">
        <v>526</v>
      </c>
      <c r="B146" s="1" t="s">
        <v>176</v>
      </c>
    </row>
    <row r="147" spans="1:2" x14ac:dyDescent="0.25">
      <c r="A147" s="1" t="s">
        <v>527</v>
      </c>
      <c r="B147" s="1" t="s">
        <v>177</v>
      </c>
    </row>
    <row r="148" spans="1:2" x14ac:dyDescent="0.25">
      <c r="A148" s="1" t="s">
        <v>528</v>
      </c>
      <c r="B148" s="1" t="s">
        <v>178</v>
      </c>
    </row>
    <row r="149" spans="1:2" x14ac:dyDescent="0.25">
      <c r="A149" s="1" t="s">
        <v>529</v>
      </c>
      <c r="B149" s="1" t="s">
        <v>179</v>
      </c>
    </row>
    <row r="150" spans="1:2" x14ac:dyDescent="0.25">
      <c r="A150" s="1" t="s">
        <v>530</v>
      </c>
      <c r="B150" s="1" t="s">
        <v>24</v>
      </c>
    </row>
    <row r="151" spans="1:2" x14ac:dyDescent="0.25">
      <c r="A151" s="1" t="s">
        <v>531</v>
      </c>
      <c r="B151" s="1" t="s">
        <v>180</v>
      </c>
    </row>
    <row r="152" spans="1:2" x14ac:dyDescent="0.25">
      <c r="A152" s="1" t="s">
        <v>532</v>
      </c>
      <c r="B152" s="1" t="s">
        <v>181</v>
      </c>
    </row>
    <row r="153" spans="1:2" x14ac:dyDescent="0.25">
      <c r="A153" s="1" t="s">
        <v>533</v>
      </c>
      <c r="B153" s="1" t="s">
        <v>182</v>
      </c>
    </row>
    <row r="154" spans="1:2" x14ac:dyDescent="0.25">
      <c r="A154" s="1" t="s">
        <v>534</v>
      </c>
      <c r="B154" s="1" t="s">
        <v>4</v>
      </c>
    </row>
    <row r="155" spans="1:2" x14ac:dyDescent="0.25">
      <c r="A155" s="1" t="s">
        <v>535</v>
      </c>
      <c r="B155" s="1" t="s">
        <v>183</v>
      </c>
    </row>
    <row r="156" spans="1:2" x14ac:dyDescent="0.25">
      <c r="A156" s="1" t="s">
        <v>536</v>
      </c>
      <c r="B156" s="1" t="s">
        <v>184</v>
      </c>
    </row>
    <row r="157" spans="1:2" x14ac:dyDescent="0.25">
      <c r="A157" s="1" t="s">
        <v>537</v>
      </c>
      <c r="B157" s="1" t="s">
        <v>185</v>
      </c>
    </row>
    <row r="158" spans="1:2" x14ac:dyDescent="0.25">
      <c r="A158" s="1" t="s">
        <v>538</v>
      </c>
      <c r="B158" s="1" t="s">
        <v>186</v>
      </c>
    </row>
    <row r="159" spans="1:2" x14ac:dyDescent="0.25">
      <c r="A159" s="1" t="s">
        <v>539</v>
      </c>
      <c r="B159" s="1" t="s">
        <v>187</v>
      </c>
    </row>
    <row r="160" spans="1:2" x14ac:dyDescent="0.25">
      <c r="A160" s="1" t="s">
        <v>540</v>
      </c>
      <c r="B160" s="1" t="s">
        <v>25</v>
      </c>
    </row>
    <row r="161" spans="1:2" x14ac:dyDescent="0.25">
      <c r="A161" s="1" t="s">
        <v>541</v>
      </c>
      <c r="B161" s="1" t="s">
        <v>188</v>
      </c>
    </row>
    <row r="162" spans="1:2" x14ac:dyDescent="0.25">
      <c r="A162" s="1" t="s">
        <v>542</v>
      </c>
      <c r="B162" s="1" t="s">
        <v>189</v>
      </c>
    </row>
    <row r="163" spans="1:2" x14ac:dyDescent="0.25">
      <c r="A163" s="1" t="s">
        <v>543</v>
      </c>
      <c r="B163" s="1" t="s">
        <v>190</v>
      </c>
    </row>
    <row r="164" spans="1:2" x14ac:dyDescent="0.25">
      <c r="A164" s="1" t="s">
        <v>544</v>
      </c>
      <c r="B164" s="1" t="s">
        <v>3</v>
      </c>
    </row>
    <row r="165" spans="1:2" x14ac:dyDescent="0.25">
      <c r="A165" s="1" t="s">
        <v>545</v>
      </c>
      <c r="B165" s="1" t="s">
        <v>26</v>
      </c>
    </row>
    <row r="166" spans="1:2" x14ac:dyDescent="0.25">
      <c r="A166" s="1" t="s">
        <v>546</v>
      </c>
      <c r="B166" s="1" t="s">
        <v>191</v>
      </c>
    </row>
    <row r="167" spans="1:2" x14ac:dyDescent="0.25">
      <c r="A167" s="1" t="s">
        <v>547</v>
      </c>
      <c r="B167" s="1" t="s">
        <v>27</v>
      </c>
    </row>
    <row r="168" spans="1:2" x14ac:dyDescent="0.25">
      <c r="A168" s="1" t="s">
        <v>548</v>
      </c>
      <c r="B168" s="1" t="s">
        <v>192</v>
      </c>
    </row>
    <row r="169" spans="1:2" x14ac:dyDescent="0.25">
      <c r="A169" s="1" t="s">
        <v>549</v>
      </c>
      <c r="B169" s="1" t="s">
        <v>193</v>
      </c>
    </row>
    <row r="170" spans="1:2" x14ac:dyDescent="0.25">
      <c r="A170" s="1" t="s">
        <v>550</v>
      </c>
      <c r="B170" s="1" t="s">
        <v>194</v>
      </c>
    </row>
    <row r="171" spans="1:2" x14ac:dyDescent="0.25">
      <c r="A171" s="1" t="s">
        <v>551</v>
      </c>
      <c r="B171" s="1" t="s">
        <v>28</v>
      </c>
    </row>
    <row r="172" spans="1:2" x14ac:dyDescent="0.25">
      <c r="A172" s="1" t="s">
        <v>552</v>
      </c>
      <c r="B172" s="1" t="s">
        <v>29</v>
      </c>
    </row>
    <row r="173" spans="1:2" x14ac:dyDescent="0.25">
      <c r="A173" s="1" t="s">
        <v>553</v>
      </c>
      <c r="B173" s="1" t="s">
        <v>30</v>
      </c>
    </row>
    <row r="174" spans="1:2" x14ac:dyDescent="0.25">
      <c r="A174" s="1" t="s">
        <v>554</v>
      </c>
      <c r="B174" s="1" t="s">
        <v>16</v>
      </c>
    </row>
    <row r="175" spans="1:2" x14ac:dyDescent="0.25">
      <c r="A175" s="1" t="s">
        <v>555</v>
      </c>
      <c r="B175" s="1" t="s">
        <v>195</v>
      </c>
    </row>
    <row r="176" spans="1:2" x14ac:dyDescent="0.25">
      <c r="A176" s="1" t="s">
        <v>556</v>
      </c>
      <c r="B176" s="1" t="s">
        <v>196</v>
      </c>
    </row>
    <row r="177" spans="1:2" x14ac:dyDescent="0.25">
      <c r="A177" s="1" t="s">
        <v>557</v>
      </c>
      <c r="B177" s="1" t="s">
        <v>197</v>
      </c>
    </row>
    <row r="178" spans="1:2" x14ac:dyDescent="0.25">
      <c r="A178" s="1" t="s">
        <v>558</v>
      </c>
      <c r="B178" s="1" t="s">
        <v>198</v>
      </c>
    </row>
    <row r="179" spans="1:2" x14ac:dyDescent="0.25">
      <c r="A179" s="1" t="s">
        <v>559</v>
      </c>
      <c r="B179" s="1" t="s">
        <v>199</v>
      </c>
    </row>
    <row r="180" spans="1:2" x14ac:dyDescent="0.25">
      <c r="A180" s="1" t="s">
        <v>560</v>
      </c>
      <c r="B180" s="1" t="s">
        <v>62</v>
      </c>
    </row>
    <row r="181" spans="1:2" x14ac:dyDescent="0.25">
      <c r="A181" s="1" t="s">
        <v>561</v>
      </c>
      <c r="B181" s="1" t="s">
        <v>31</v>
      </c>
    </row>
    <row r="182" spans="1:2" x14ac:dyDescent="0.25">
      <c r="A182" s="1" t="s">
        <v>562</v>
      </c>
      <c r="B182" s="1" t="s">
        <v>32</v>
      </c>
    </row>
    <row r="183" spans="1:2" x14ac:dyDescent="0.25">
      <c r="A183" s="1" t="s">
        <v>563</v>
      </c>
      <c r="B183" s="1" t="s">
        <v>33</v>
      </c>
    </row>
    <row r="184" spans="1:2" x14ac:dyDescent="0.25">
      <c r="A184" s="1" t="s">
        <v>564</v>
      </c>
      <c r="B184" s="1" t="s">
        <v>34</v>
      </c>
    </row>
    <row r="185" spans="1:2" x14ac:dyDescent="0.25">
      <c r="A185" s="1" t="s">
        <v>565</v>
      </c>
      <c r="B185" s="1" t="s">
        <v>35</v>
      </c>
    </row>
    <row r="186" spans="1:2" x14ac:dyDescent="0.25">
      <c r="A186" s="1" t="s">
        <v>566</v>
      </c>
      <c r="B186" s="1" t="s">
        <v>36</v>
      </c>
    </row>
    <row r="187" spans="1:2" x14ac:dyDescent="0.25">
      <c r="A187" s="1" t="s">
        <v>567</v>
      </c>
      <c r="B187" s="1" t="s">
        <v>200</v>
      </c>
    </row>
    <row r="188" spans="1:2" x14ac:dyDescent="0.25">
      <c r="A188" s="1" t="s">
        <v>568</v>
      </c>
      <c r="B188" s="1" t="s">
        <v>201</v>
      </c>
    </row>
    <row r="189" spans="1:2" x14ac:dyDescent="0.25">
      <c r="A189" s="1" t="s">
        <v>569</v>
      </c>
      <c r="B189" s="1" t="s">
        <v>202</v>
      </c>
    </row>
    <row r="190" spans="1:2" x14ac:dyDescent="0.25">
      <c r="A190" s="1" t="s">
        <v>570</v>
      </c>
      <c r="B190" s="1" t="s">
        <v>203</v>
      </c>
    </row>
    <row r="191" spans="1:2" x14ac:dyDescent="0.25">
      <c r="A191" s="1" t="s">
        <v>571</v>
      </c>
      <c r="B191" s="1" t="s">
        <v>204</v>
      </c>
    </row>
    <row r="192" spans="1:2" x14ac:dyDescent="0.25">
      <c r="A192" s="1" t="s">
        <v>572</v>
      </c>
      <c r="B192" s="1" t="s">
        <v>205</v>
      </c>
    </row>
    <row r="193" spans="1:2" x14ac:dyDescent="0.25">
      <c r="A193" s="1" t="s">
        <v>573</v>
      </c>
      <c r="B193" s="1" t="s">
        <v>206</v>
      </c>
    </row>
    <row r="194" spans="1:2" x14ac:dyDescent="0.25">
      <c r="A194" s="1" t="s">
        <v>574</v>
      </c>
      <c r="B194" s="1" t="s">
        <v>207</v>
      </c>
    </row>
    <row r="195" spans="1:2" x14ac:dyDescent="0.25">
      <c r="A195" s="1" t="s">
        <v>575</v>
      </c>
      <c r="B195" s="1" t="s">
        <v>208</v>
      </c>
    </row>
    <row r="196" spans="1:2" x14ac:dyDescent="0.25">
      <c r="A196" s="1" t="s">
        <v>576</v>
      </c>
      <c r="B196" s="1" t="s">
        <v>209</v>
      </c>
    </row>
    <row r="197" spans="1:2" x14ac:dyDescent="0.25">
      <c r="A197" s="1" t="s">
        <v>577</v>
      </c>
      <c r="B197" s="1" t="s">
        <v>37</v>
      </c>
    </row>
    <row r="198" spans="1:2" x14ac:dyDescent="0.25">
      <c r="A198" s="1" t="s">
        <v>578</v>
      </c>
      <c r="B198" s="1" t="s">
        <v>156</v>
      </c>
    </row>
    <row r="199" spans="1:2" x14ac:dyDescent="0.25">
      <c r="A199" s="1" t="s">
        <v>579</v>
      </c>
      <c r="B199" s="1" t="s">
        <v>210</v>
      </c>
    </row>
    <row r="200" spans="1:2" x14ac:dyDescent="0.25">
      <c r="A200" s="1" t="s">
        <v>580</v>
      </c>
      <c r="B200" s="1" t="s">
        <v>211</v>
      </c>
    </row>
    <row r="201" spans="1:2" x14ac:dyDescent="0.25">
      <c r="A201" s="1" t="s">
        <v>581</v>
      </c>
      <c r="B201" s="1" t="s">
        <v>212</v>
      </c>
    </row>
    <row r="202" spans="1:2" x14ac:dyDescent="0.25">
      <c r="A202" s="1" t="s">
        <v>582</v>
      </c>
      <c r="B202" s="1" t="s">
        <v>38</v>
      </c>
    </row>
    <row r="203" spans="1:2" x14ac:dyDescent="0.25">
      <c r="A203" s="1" t="s">
        <v>583</v>
      </c>
      <c r="B203" s="1" t="s">
        <v>213</v>
      </c>
    </row>
    <row r="204" spans="1:2" x14ac:dyDescent="0.25">
      <c r="A204" s="1" t="s">
        <v>584</v>
      </c>
      <c r="B204" s="1" t="s">
        <v>214</v>
      </c>
    </row>
    <row r="205" spans="1:2" x14ac:dyDescent="0.25">
      <c r="A205" s="1" t="s">
        <v>585</v>
      </c>
      <c r="B205" s="1" t="s">
        <v>215</v>
      </c>
    </row>
    <row r="206" spans="1:2" x14ac:dyDescent="0.25">
      <c r="A206" s="1" t="s">
        <v>586</v>
      </c>
      <c r="B206" s="1" t="s">
        <v>216</v>
      </c>
    </row>
    <row r="207" spans="1:2" x14ac:dyDescent="0.25">
      <c r="A207" s="1" t="s">
        <v>587</v>
      </c>
      <c r="B207" s="1" t="s">
        <v>217</v>
      </c>
    </row>
    <row r="208" spans="1:2" x14ac:dyDescent="0.25">
      <c r="A208" s="1" t="s">
        <v>588</v>
      </c>
      <c r="B208" s="1" t="s">
        <v>218</v>
      </c>
    </row>
    <row r="209" spans="1:2" x14ac:dyDescent="0.25">
      <c r="A209" s="1" t="s">
        <v>589</v>
      </c>
      <c r="B209" s="1" t="s">
        <v>39</v>
      </c>
    </row>
    <row r="210" spans="1:2" x14ac:dyDescent="0.25">
      <c r="A210" s="1" t="s">
        <v>590</v>
      </c>
      <c r="B210" s="1" t="s">
        <v>219</v>
      </c>
    </row>
    <row r="211" spans="1:2" x14ac:dyDescent="0.25">
      <c r="A211" s="1" t="s">
        <v>591</v>
      </c>
      <c r="B211" s="1" t="s">
        <v>40</v>
      </c>
    </row>
    <row r="212" spans="1:2" x14ac:dyDescent="0.25">
      <c r="A212" s="1" t="s">
        <v>592</v>
      </c>
      <c r="B212" s="1" t="s">
        <v>220</v>
      </c>
    </row>
    <row r="213" spans="1:2" x14ac:dyDescent="0.25">
      <c r="A213" s="1" t="s">
        <v>593</v>
      </c>
      <c r="B213" s="1" t="s">
        <v>221</v>
      </c>
    </row>
    <row r="214" spans="1:2" x14ac:dyDescent="0.25">
      <c r="A214" s="1" t="s">
        <v>594</v>
      </c>
      <c r="B214" s="1" t="s">
        <v>222</v>
      </c>
    </row>
    <row r="215" spans="1:2" x14ac:dyDescent="0.25">
      <c r="A215" s="1" t="s">
        <v>595</v>
      </c>
      <c r="B215" s="1" t="s">
        <v>223</v>
      </c>
    </row>
    <row r="216" spans="1:2" x14ac:dyDescent="0.25">
      <c r="A216" s="1" t="s">
        <v>596</v>
      </c>
      <c r="B216" s="1" t="s">
        <v>224</v>
      </c>
    </row>
    <row r="217" spans="1:2" x14ac:dyDescent="0.25">
      <c r="A217" s="1" t="s">
        <v>597</v>
      </c>
      <c r="B217" s="1" t="s">
        <v>225</v>
      </c>
    </row>
    <row r="218" spans="1:2" x14ac:dyDescent="0.25">
      <c r="A218" s="1" t="s">
        <v>598</v>
      </c>
      <c r="B218" s="1" t="s">
        <v>226</v>
      </c>
    </row>
    <row r="219" spans="1:2" x14ac:dyDescent="0.25">
      <c r="A219" s="1" t="s">
        <v>599</v>
      </c>
      <c r="B219" s="1" t="s">
        <v>227</v>
      </c>
    </row>
    <row r="220" spans="1:2" x14ac:dyDescent="0.25">
      <c r="A220" s="1" t="s">
        <v>600</v>
      </c>
      <c r="B220" s="1" t="s">
        <v>228</v>
      </c>
    </row>
    <row r="221" spans="1:2" x14ac:dyDescent="0.25">
      <c r="A221" s="1" t="s">
        <v>601</v>
      </c>
      <c r="B221" s="1" t="s">
        <v>229</v>
      </c>
    </row>
    <row r="222" spans="1:2" x14ac:dyDescent="0.25">
      <c r="A222" s="1" t="s">
        <v>602</v>
      </c>
      <c r="B222" s="1" t="s">
        <v>230</v>
      </c>
    </row>
    <row r="223" spans="1:2" x14ac:dyDescent="0.25">
      <c r="A223" s="1" t="s">
        <v>603</v>
      </c>
      <c r="B223" s="1" t="s">
        <v>231</v>
      </c>
    </row>
    <row r="224" spans="1:2" x14ac:dyDescent="0.25">
      <c r="A224" s="1" t="s">
        <v>604</v>
      </c>
      <c r="B224" s="1" t="s">
        <v>232</v>
      </c>
    </row>
    <row r="225" spans="1:2" x14ac:dyDescent="0.25">
      <c r="A225" s="1" t="s">
        <v>605</v>
      </c>
      <c r="B225" s="1" t="s">
        <v>233</v>
      </c>
    </row>
    <row r="226" spans="1:2" x14ac:dyDescent="0.25">
      <c r="A226" s="1" t="s">
        <v>606</v>
      </c>
      <c r="B226" s="1" t="s">
        <v>234</v>
      </c>
    </row>
    <row r="227" spans="1:2" x14ac:dyDescent="0.25">
      <c r="A227" s="1" t="s">
        <v>607</v>
      </c>
      <c r="B227" s="1" t="s">
        <v>235</v>
      </c>
    </row>
    <row r="228" spans="1:2" x14ac:dyDescent="0.25">
      <c r="A228" s="1" t="s">
        <v>608</v>
      </c>
      <c r="B228" s="1" t="s">
        <v>236</v>
      </c>
    </row>
    <row r="229" spans="1:2" x14ac:dyDescent="0.25">
      <c r="A229" s="1" t="s">
        <v>609</v>
      </c>
      <c r="B229" s="1" t="s">
        <v>41</v>
      </c>
    </row>
    <row r="230" spans="1:2" x14ac:dyDescent="0.25">
      <c r="A230" s="1" t="s">
        <v>610</v>
      </c>
      <c r="B230" s="1" t="s">
        <v>237</v>
      </c>
    </row>
    <row r="231" spans="1:2" x14ac:dyDescent="0.25">
      <c r="A231" s="1" t="s">
        <v>611</v>
      </c>
      <c r="B231" s="1" t="s">
        <v>238</v>
      </c>
    </row>
    <row r="232" spans="1:2" x14ac:dyDescent="0.25">
      <c r="A232" s="1" t="s">
        <v>612</v>
      </c>
      <c r="B232" s="1" t="s">
        <v>239</v>
      </c>
    </row>
    <row r="233" spans="1:2" x14ac:dyDescent="0.25">
      <c r="A233" s="1" t="s">
        <v>613</v>
      </c>
      <c r="B233" s="1" t="s">
        <v>240</v>
      </c>
    </row>
    <row r="234" spans="1:2" x14ac:dyDescent="0.25">
      <c r="A234" s="1" t="s">
        <v>614</v>
      </c>
      <c r="B234" s="1" t="s">
        <v>42</v>
      </c>
    </row>
    <row r="235" spans="1:2" x14ac:dyDescent="0.25">
      <c r="A235" s="1" t="s">
        <v>615</v>
      </c>
      <c r="B235" s="1" t="s">
        <v>241</v>
      </c>
    </row>
    <row r="236" spans="1:2" x14ac:dyDescent="0.25">
      <c r="A236" s="1" t="s">
        <v>616</v>
      </c>
      <c r="B236" s="1" t="s">
        <v>242</v>
      </c>
    </row>
    <row r="237" spans="1:2" x14ac:dyDescent="0.25">
      <c r="A237" s="1" t="s">
        <v>617</v>
      </c>
      <c r="B237" s="1" t="s">
        <v>125</v>
      </c>
    </row>
    <row r="238" spans="1:2" x14ac:dyDescent="0.25">
      <c r="A238" s="1" t="s">
        <v>618</v>
      </c>
      <c r="B238" s="1" t="s">
        <v>243</v>
      </c>
    </row>
    <row r="239" spans="1:2" x14ac:dyDescent="0.25">
      <c r="A239" s="1" t="s">
        <v>619</v>
      </c>
      <c r="B239" s="1" t="s">
        <v>244</v>
      </c>
    </row>
    <row r="240" spans="1:2" x14ac:dyDescent="0.25">
      <c r="A240" s="1" t="s">
        <v>620</v>
      </c>
      <c r="B240" s="1" t="s">
        <v>245</v>
      </c>
    </row>
    <row r="241" spans="1:2" x14ac:dyDescent="0.25">
      <c r="A241" s="1" t="s">
        <v>621</v>
      </c>
      <c r="B241" s="1" t="s">
        <v>246</v>
      </c>
    </row>
    <row r="242" spans="1:2" x14ac:dyDescent="0.25">
      <c r="A242" s="1" t="s">
        <v>622</v>
      </c>
      <c r="B242" s="1" t="s">
        <v>247</v>
      </c>
    </row>
    <row r="243" spans="1:2" x14ac:dyDescent="0.25">
      <c r="A243" s="1" t="s">
        <v>623</v>
      </c>
      <c r="B243" s="1" t="s">
        <v>248</v>
      </c>
    </row>
    <row r="244" spans="1:2" x14ac:dyDescent="0.25">
      <c r="A244" s="1" t="s">
        <v>624</v>
      </c>
      <c r="B244" s="1" t="s">
        <v>249</v>
      </c>
    </row>
    <row r="245" spans="1:2" x14ac:dyDescent="0.25">
      <c r="A245" s="1" t="s">
        <v>625</v>
      </c>
      <c r="B245" s="1" t="s">
        <v>43</v>
      </c>
    </row>
    <row r="246" spans="1:2" x14ac:dyDescent="0.25">
      <c r="A246" s="1" t="s">
        <v>626</v>
      </c>
      <c r="B246" s="1" t="s">
        <v>250</v>
      </c>
    </row>
    <row r="247" spans="1:2" x14ac:dyDescent="0.25">
      <c r="A247" s="1" t="s">
        <v>627</v>
      </c>
      <c r="B247" s="1" t="s">
        <v>206</v>
      </c>
    </row>
    <row r="248" spans="1:2" x14ac:dyDescent="0.25">
      <c r="A248" s="1" t="s">
        <v>628</v>
      </c>
      <c r="B248" s="1" t="s">
        <v>251</v>
      </c>
    </row>
    <row r="249" spans="1:2" x14ac:dyDescent="0.25">
      <c r="A249" s="1" t="s">
        <v>629</v>
      </c>
      <c r="B249" s="1" t="s">
        <v>252</v>
      </c>
    </row>
    <row r="250" spans="1:2" x14ac:dyDescent="0.25">
      <c r="A250" s="1" t="s">
        <v>630</v>
      </c>
      <c r="B250" s="1" t="s">
        <v>253</v>
      </c>
    </row>
    <row r="251" spans="1:2" x14ac:dyDescent="0.25">
      <c r="A251" s="1" t="s">
        <v>631</v>
      </c>
      <c r="B251" s="1" t="s">
        <v>254</v>
      </c>
    </row>
    <row r="252" spans="1:2" x14ac:dyDescent="0.25">
      <c r="A252" s="1" t="s">
        <v>632</v>
      </c>
      <c r="B252" s="1" t="s">
        <v>255</v>
      </c>
    </row>
    <row r="253" spans="1:2" x14ac:dyDescent="0.25">
      <c r="A253" s="1" t="s">
        <v>633</v>
      </c>
      <c r="B253" s="1" t="s">
        <v>256</v>
      </c>
    </row>
    <row r="254" spans="1:2" x14ac:dyDescent="0.25">
      <c r="A254" s="1" t="s">
        <v>634</v>
      </c>
      <c r="B254" s="1" t="s">
        <v>257</v>
      </c>
    </row>
    <row r="255" spans="1:2" x14ac:dyDescent="0.25">
      <c r="A255" s="1" t="s">
        <v>635</v>
      </c>
      <c r="B255" s="1" t="s">
        <v>258</v>
      </c>
    </row>
    <row r="256" spans="1:2" x14ac:dyDescent="0.25">
      <c r="A256" s="1" t="s">
        <v>636</v>
      </c>
      <c r="B256" s="1" t="s">
        <v>44</v>
      </c>
    </row>
    <row r="257" spans="1:2" x14ac:dyDescent="0.25">
      <c r="A257" s="1" t="s">
        <v>637</v>
      </c>
      <c r="B257" s="1" t="s">
        <v>259</v>
      </c>
    </row>
    <row r="258" spans="1:2" x14ac:dyDescent="0.25">
      <c r="A258" s="1" t="s">
        <v>638</v>
      </c>
      <c r="B258" s="1" t="s">
        <v>260</v>
      </c>
    </row>
    <row r="259" spans="1:2" x14ac:dyDescent="0.25">
      <c r="A259" s="1" t="s">
        <v>639</v>
      </c>
      <c r="B259" s="1" t="s">
        <v>261</v>
      </c>
    </row>
    <row r="260" spans="1:2" x14ac:dyDescent="0.25">
      <c r="A260" s="1" t="s">
        <v>640</v>
      </c>
      <c r="B260" s="1" t="s">
        <v>262</v>
      </c>
    </row>
    <row r="261" spans="1:2" x14ac:dyDescent="0.25">
      <c r="A261" s="1" t="s">
        <v>641</v>
      </c>
      <c r="B261" s="1" t="s">
        <v>263</v>
      </c>
    </row>
    <row r="262" spans="1:2" x14ac:dyDescent="0.25">
      <c r="A262" s="1" t="s">
        <v>642</v>
      </c>
      <c r="B262" s="1" t="s">
        <v>264</v>
      </c>
    </row>
    <row r="263" spans="1:2" x14ac:dyDescent="0.25">
      <c r="A263" s="1" t="s">
        <v>643</v>
      </c>
      <c r="B263" s="1" t="s">
        <v>265</v>
      </c>
    </row>
    <row r="264" spans="1:2" x14ac:dyDescent="0.25">
      <c r="A264" s="1" t="s">
        <v>644</v>
      </c>
      <c r="B264" s="1" t="s">
        <v>45</v>
      </c>
    </row>
    <row r="265" spans="1:2" x14ac:dyDescent="0.25">
      <c r="A265" s="1" t="s">
        <v>645</v>
      </c>
      <c r="B265" s="1" t="s">
        <v>266</v>
      </c>
    </row>
    <row r="266" spans="1:2" x14ac:dyDescent="0.25">
      <c r="A266" s="1" t="s">
        <v>646</v>
      </c>
      <c r="B266" s="1" t="s">
        <v>267</v>
      </c>
    </row>
    <row r="267" spans="1:2" x14ac:dyDescent="0.25">
      <c r="A267" s="1" t="s">
        <v>647</v>
      </c>
      <c r="B267" s="1" t="s">
        <v>268</v>
      </c>
    </row>
    <row r="268" spans="1:2" x14ac:dyDescent="0.25">
      <c r="A268" s="1" t="s">
        <v>648</v>
      </c>
      <c r="B268" s="1" t="s">
        <v>269</v>
      </c>
    </row>
    <row r="269" spans="1:2" x14ac:dyDescent="0.25">
      <c r="A269" s="1" t="s">
        <v>649</v>
      </c>
      <c r="B269" s="1" t="s">
        <v>270</v>
      </c>
    </row>
    <row r="270" spans="1:2" x14ac:dyDescent="0.25">
      <c r="A270" s="1" t="s">
        <v>650</v>
      </c>
      <c r="B270" s="1" t="s">
        <v>271</v>
      </c>
    </row>
    <row r="271" spans="1:2" x14ac:dyDescent="0.25">
      <c r="A271" s="1" t="s">
        <v>651</v>
      </c>
      <c r="B271" s="1" t="s">
        <v>272</v>
      </c>
    </row>
    <row r="272" spans="1:2" x14ac:dyDescent="0.25">
      <c r="A272" s="1" t="s">
        <v>652</v>
      </c>
      <c r="B272" s="1" t="s">
        <v>273</v>
      </c>
    </row>
    <row r="273" spans="1:2" x14ac:dyDescent="0.25">
      <c r="A273" s="1" t="s">
        <v>653</v>
      </c>
      <c r="B273" s="1" t="s">
        <v>274</v>
      </c>
    </row>
    <row r="274" spans="1:2" x14ac:dyDescent="0.25">
      <c r="A274" s="1" t="s">
        <v>654</v>
      </c>
      <c r="B274" s="1" t="s">
        <v>275</v>
      </c>
    </row>
    <row r="275" spans="1:2" x14ac:dyDescent="0.25">
      <c r="A275" s="1" t="s">
        <v>655</v>
      </c>
      <c r="B275" s="1" t="s">
        <v>276</v>
      </c>
    </row>
    <row r="276" spans="1:2" x14ac:dyDescent="0.25">
      <c r="A276" s="1" t="s">
        <v>656</v>
      </c>
      <c r="B276" s="1" t="s">
        <v>277</v>
      </c>
    </row>
    <row r="277" spans="1:2" x14ac:dyDescent="0.25">
      <c r="A277" s="1" t="s">
        <v>657</v>
      </c>
      <c r="B277" s="1" t="s">
        <v>278</v>
      </c>
    </row>
    <row r="278" spans="1:2" x14ac:dyDescent="0.25">
      <c r="A278" s="1" t="s">
        <v>658</v>
      </c>
      <c r="B278" s="1" t="s">
        <v>279</v>
      </c>
    </row>
    <row r="279" spans="1:2" x14ac:dyDescent="0.25">
      <c r="A279" s="1" t="s">
        <v>659</v>
      </c>
      <c r="B279" s="1" t="s">
        <v>280</v>
      </c>
    </row>
    <row r="280" spans="1:2" x14ac:dyDescent="0.25">
      <c r="A280" s="1" t="s">
        <v>660</v>
      </c>
      <c r="B280" s="1" t="s">
        <v>281</v>
      </c>
    </row>
    <row r="281" spans="1:2" x14ac:dyDescent="0.25">
      <c r="A281" s="1" t="s">
        <v>661</v>
      </c>
      <c r="B281" s="1" t="s">
        <v>282</v>
      </c>
    </row>
    <row r="282" spans="1:2" x14ac:dyDescent="0.25">
      <c r="A282" s="1" t="s">
        <v>662</v>
      </c>
      <c r="B282" s="1" t="s">
        <v>283</v>
      </c>
    </row>
    <row r="283" spans="1:2" x14ac:dyDescent="0.25">
      <c r="A283" s="1" t="s">
        <v>663</v>
      </c>
      <c r="B283" s="1" t="s">
        <v>46</v>
      </c>
    </row>
    <row r="284" spans="1:2" x14ac:dyDescent="0.25">
      <c r="A284" s="1" t="s">
        <v>664</v>
      </c>
      <c r="B284" s="1" t="s">
        <v>284</v>
      </c>
    </row>
    <row r="285" spans="1:2" x14ac:dyDescent="0.25">
      <c r="A285" s="1" t="s">
        <v>665</v>
      </c>
      <c r="B285" s="1" t="s">
        <v>285</v>
      </c>
    </row>
    <row r="286" spans="1:2" x14ac:dyDescent="0.25">
      <c r="A286" s="1" t="s">
        <v>666</v>
      </c>
      <c r="B286" s="1" t="s">
        <v>286</v>
      </c>
    </row>
    <row r="287" spans="1:2" x14ac:dyDescent="0.25">
      <c r="A287" s="1" t="s">
        <v>667</v>
      </c>
      <c r="B287" s="1" t="s">
        <v>287</v>
      </c>
    </row>
    <row r="288" spans="1:2" x14ac:dyDescent="0.25">
      <c r="A288" s="1" t="s">
        <v>668</v>
      </c>
      <c r="B288" s="1" t="s">
        <v>288</v>
      </c>
    </row>
    <row r="289" spans="1:2" x14ac:dyDescent="0.25">
      <c r="A289" s="1" t="s">
        <v>669</v>
      </c>
      <c r="B289" s="1" t="s">
        <v>289</v>
      </c>
    </row>
    <row r="290" spans="1:2" x14ac:dyDescent="0.25">
      <c r="A290" s="1" t="s">
        <v>670</v>
      </c>
      <c r="B290" s="1" t="s">
        <v>290</v>
      </c>
    </row>
    <row r="291" spans="1:2" x14ac:dyDescent="0.25">
      <c r="A291" s="1" t="s">
        <v>671</v>
      </c>
      <c r="B291" s="1" t="s">
        <v>291</v>
      </c>
    </row>
    <row r="292" spans="1:2" x14ac:dyDescent="0.25">
      <c r="A292" s="1" t="s">
        <v>672</v>
      </c>
      <c r="B292" s="1" t="s">
        <v>292</v>
      </c>
    </row>
    <row r="293" spans="1:2" x14ac:dyDescent="0.25">
      <c r="A293" s="1" t="s">
        <v>673</v>
      </c>
      <c r="B293" s="1" t="s">
        <v>293</v>
      </c>
    </row>
    <row r="294" spans="1:2" x14ac:dyDescent="0.25">
      <c r="A294" s="1" t="s">
        <v>674</v>
      </c>
      <c r="B294" s="1" t="s">
        <v>47</v>
      </c>
    </row>
    <row r="295" spans="1:2" x14ac:dyDescent="0.25">
      <c r="A295" s="1" t="s">
        <v>675</v>
      </c>
      <c r="B295" s="1" t="s">
        <v>294</v>
      </c>
    </row>
    <row r="296" spans="1:2" x14ac:dyDescent="0.25">
      <c r="A296" s="1" t="s">
        <v>676</v>
      </c>
      <c r="B296" s="1" t="s">
        <v>295</v>
      </c>
    </row>
    <row r="297" spans="1:2" x14ac:dyDescent="0.25">
      <c r="A297" s="1" t="s">
        <v>677</v>
      </c>
      <c r="B297" s="1" t="s">
        <v>296</v>
      </c>
    </row>
    <row r="298" spans="1:2" x14ac:dyDescent="0.25">
      <c r="A298" s="1" t="s">
        <v>678</v>
      </c>
      <c r="B298" s="1" t="s">
        <v>297</v>
      </c>
    </row>
    <row r="299" spans="1:2" x14ac:dyDescent="0.25">
      <c r="A299" s="1" t="s">
        <v>679</v>
      </c>
      <c r="B299" s="1" t="s">
        <v>298</v>
      </c>
    </row>
    <row r="300" spans="1:2" x14ac:dyDescent="0.25">
      <c r="A300" s="1" t="s">
        <v>680</v>
      </c>
      <c r="B300" s="1" t="s">
        <v>299</v>
      </c>
    </row>
    <row r="301" spans="1:2" x14ac:dyDescent="0.25">
      <c r="A301" s="1" t="s">
        <v>681</v>
      </c>
      <c r="B301" s="1" t="s">
        <v>300</v>
      </c>
    </row>
    <row r="302" spans="1:2" x14ac:dyDescent="0.25">
      <c r="A302" s="1" t="s">
        <v>682</v>
      </c>
      <c r="B302" s="1" t="s">
        <v>301</v>
      </c>
    </row>
    <row r="303" spans="1:2" x14ac:dyDescent="0.25">
      <c r="A303" s="1" t="s">
        <v>683</v>
      </c>
      <c r="B303" s="1" t="s">
        <v>302</v>
      </c>
    </row>
    <row r="304" spans="1:2" x14ac:dyDescent="0.25">
      <c r="A304" s="1" t="s">
        <v>684</v>
      </c>
      <c r="B304" s="1" t="s">
        <v>303</v>
      </c>
    </row>
    <row r="305" spans="1:2" x14ac:dyDescent="0.25">
      <c r="A305" s="1" t="s">
        <v>685</v>
      </c>
      <c r="B305" s="1" t="s">
        <v>304</v>
      </c>
    </row>
    <row r="306" spans="1:2" x14ac:dyDescent="0.25">
      <c r="A306" s="1" t="s">
        <v>686</v>
      </c>
      <c r="B306" s="1" t="s">
        <v>305</v>
      </c>
    </row>
    <row r="307" spans="1:2" x14ac:dyDescent="0.25">
      <c r="A307" s="1" t="s">
        <v>687</v>
      </c>
      <c r="B307" s="1" t="s">
        <v>48</v>
      </c>
    </row>
    <row r="308" spans="1:2" x14ac:dyDescent="0.25">
      <c r="A308" s="1" t="s">
        <v>688</v>
      </c>
      <c r="B308" s="1" t="s">
        <v>306</v>
      </c>
    </row>
    <row r="309" spans="1:2" x14ac:dyDescent="0.25">
      <c r="A309" s="1" t="s">
        <v>689</v>
      </c>
      <c r="B309" s="1" t="s">
        <v>307</v>
      </c>
    </row>
    <row r="310" spans="1:2" x14ac:dyDescent="0.25">
      <c r="A310" s="1" t="s">
        <v>690</v>
      </c>
      <c r="B310" s="1" t="s">
        <v>308</v>
      </c>
    </row>
    <row r="311" spans="1:2" x14ac:dyDescent="0.25">
      <c r="A311" s="1" t="s">
        <v>691</v>
      </c>
      <c r="B311" s="1" t="s">
        <v>309</v>
      </c>
    </row>
    <row r="312" spans="1:2" x14ac:dyDescent="0.25">
      <c r="A312" s="1" t="s">
        <v>692</v>
      </c>
      <c r="B312" s="1" t="s">
        <v>310</v>
      </c>
    </row>
    <row r="313" spans="1:2" x14ac:dyDescent="0.25">
      <c r="A313" s="1" t="s">
        <v>693</v>
      </c>
      <c r="B313" s="1" t="s">
        <v>311</v>
      </c>
    </row>
    <row r="314" spans="1:2" x14ac:dyDescent="0.25">
      <c r="A314" s="1" t="s">
        <v>694</v>
      </c>
      <c r="B314" s="1" t="s">
        <v>312</v>
      </c>
    </row>
    <row r="315" spans="1:2" x14ac:dyDescent="0.25">
      <c r="A315" s="1" t="s">
        <v>695</v>
      </c>
      <c r="B315" s="1" t="s">
        <v>313</v>
      </c>
    </row>
    <row r="316" spans="1:2" x14ac:dyDescent="0.25">
      <c r="A316" s="1" t="s">
        <v>696</v>
      </c>
      <c r="B316" s="1" t="s">
        <v>314</v>
      </c>
    </row>
    <row r="317" spans="1:2" x14ac:dyDescent="0.25">
      <c r="A317" s="1" t="s">
        <v>697</v>
      </c>
      <c r="B317" s="1" t="s">
        <v>315</v>
      </c>
    </row>
    <row r="318" spans="1:2" x14ac:dyDescent="0.25">
      <c r="A318" s="1" t="s">
        <v>698</v>
      </c>
      <c r="B318" s="1" t="s">
        <v>316</v>
      </c>
    </row>
    <row r="319" spans="1:2" x14ac:dyDescent="0.25">
      <c r="A319" s="1" t="s">
        <v>699</v>
      </c>
      <c r="B319" s="1" t="s">
        <v>317</v>
      </c>
    </row>
    <row r="320" spans="1:2" x14ac:dyDescent="0.25">
      <c r="A320" s="1" t="s">
        <v>700</v>
      </c>
      <c r="B320" s="1" t="s">
        <v>125</v>
      </c>
    </row>
    <row r="321" spans="1:2" x14ac:dyDescent="0.25">
      <c r="A321" s="1" t="s">
        <v>701</v>
      </c>
      <c r="B321" s="1" t="s">
        <v>318</v>
      </c>
    </row>
    <row r="322" spans="1:2" x14ac:dyDescent="0.25">
      <c r="A322" s="1" t="s">
        <v>702</v>
      </c>
      <c r="B322" s="1" t="s">
        <v>319</v>
      </c>
    </row>
    <row r="323" spans="1:2" x14ac:dyDescent="0.25">
      <c r="A323" s="1" t="s">
        <v>703</v>
      </c>
      <c r="B323" s="1" t="s">
        <v>320</v>
      </c>
    </row>
    <row r="324" spans="1:2" x14ac:dyDescent="0.25">
      <c r="A324" s="1" t="s">
        <v>704</v>
      </c>
      <c r="B324" s="1" t="s">
        <v>321</v>
      </c>
    </row>
    <row r="325" spans="1:2" x14ac:dyDescent="0.25">
      <c r="A325" s="1" t="s">
        <v>705</v>
      </c>
      <c r="B325" s="1" t="s">
        <v>322</v>
      </c>
    </row>
    <row r="326" spans="1:2" x14ac:dyDescent="0.25">
      <c r="A326" s="1" t="s">
        <v>706</v>
      </c>
      <c r="B326" s="1" t="s">
        <v>323</v>
      </c>
    </row>
    <row r="327" spans="1:2" x14ac:dyDescent="0.25">
      <c r="A327" s="1" t="s">
        <v>707</v>
      </c>
      <c r="B327" s="1" t="s">
        <v>324</v>
      </c>
    </row>
    <row r="328" spans="1:2" x14ac:dyDescent="0.25">
      <c r="A328" s="1" t="s">
        <v>708</v>
      </c>
      <c r="B328" s="1" t="s">
        <v>325</v>
      </c>
    </row>
    <row r="329" spans="1:2" x14ac:dyDescent="0.25">
      <c r="A329" s="1" t="s">
        <v>709</v>
      </c>
      <c r="B329" s="1" t="s">
        <v>326</v>
      </c>
    </row>
    <row r="330" spans="1:2" x14ac:dyDescent="0.25">
      <c r="A330" s="1" t="s">
        <v>710</v>
      </c>
      <c r="B330" s="1" t="s">
        <v>327</v>
      </c>
    </row>
    <row r="331" spans="1:2" x14ac:dyDescent="0.25">
      <c r="A331" s="1" t="s">
        <v>711</v>
      </c>
      <c r="B331" s="1" t="s">
        <v>328</v>
      </c>
    </row>
    <row r="332" spans="1:2" x14ac:dyDescent="0.25">
      <c r="A332" s="1" t="s">
        <v>712</v>
      </c>
      <c r="B332" s="1" t="s">
        <v>329</v>
      </c>
    </row>
    <row r="333" spans="1:2" x14ac:dyDescent="0.25">
      <c r="A333" s="1" t="s">
        <v>713</v>
      </c>
      <c r="B333" s="1" t="s">
        <v>330</v>
      </c>
    </row>
    <row r="334" spans="1:2" x14ac:dyDescent="0.25">
      <c r="A334" s="1" t="s">
        <v>714</v>
      </c>
      <c r="B334" s="1" t="s">
        <v>331</v>
      </c>
    </row>
    <row r="335" spans="1:2" x14ac:dyDescent="0.25">
      <c r="A335" s="1" t="s">
        <v>715</v>
      </c>
      <c r="B335" s="1" t="s">
        <v>332</v>
      </c>
    </row>
    <row r="336" spans="1:2" x14ac:dyDescent="0.25">
      <c r="A336" s="1" t="s">
        <v>716</v>
      </c>
      <c r="B336" s="1" t="s">
        <v>333</v>
      </c>
    </row>
    <row r="337" spans="1:2" x14ac:dyDescent="0.25">
      <c r="A337" s="1" t="s">
        <v>717</v>
      </c>
      <c r="B337" s="1" t="s">
        <v>334</v>
      </c>
    </row>
    <row r="338" spans="1:2" x14ac:dyDescent="0.25">
      <c r="A338" s="1" t="s">
        <v>718</v>
      </c>
      <c r="B338" s="1" t="s">
        <v>335</v>
      </c>
    </row>
    <row r="339" spans="1:2" x14ac:dyDescent="0.25">
      <c r="A339" s="1" t="s">
        <v>719</v>
      </c>
      <c r="B339" s="1" t="s">
        <v>336</v>
      </c>
    </row>
    <row r="340" spans="1:2" x14ac:dyDescent="0.25">
      <c r="A340" s="1" t="s">
        <v>720</v>
      </c>
      <c r="B340" s="1" t="s">
        <v>337</v>
      </c>
    </row>
    <row r="341" spans="1:2" x14ac:dyDescent="0.25">
      <c r="A341" s="1" t="s">
        <v>721</v>
      </c>
      <c r="B341" s="1" t="s">
        <v>338</v>
      </c>
    </row>
    <row r="342" spans="1:2" x14ac:dyDescent="0.25">
      <c r="A342" s="1" t="s">
        <v>722</v>
      </c>
      <c r="B342" s="1" t="s">
        <v>49</v>
      </c>
    </row>
    <row r="343" spans="1:2" x14ac:dyDescent="0.25">
      <c r="A343" s="1" t="s">
        <v>723</v>
      </c>
      <c r="B343" s="1" t="s">
        <v>339</v>
      </c>
    </row>
    <row r="344" spans="1:2" x14ac:dyDescent="0.25">
      <c r="A344" s="1" t="s">
        <v>724</v>
      </c>
      <c r="B344" s="1" t="s">
        <v>340</v>
      </c>
    </row>
    <row r="345" spans="1:2" x14ac:dyDescent="0.25">
      <c r="A345" s="1" t="s">
        <v>725</v>
      </c>
      <c r="B345" s="1" t="s">
        <v>341</v>
      </c>
    </row>
    <row r="346" spans="1:2" x14ac:dyDescent="0.25">
      <c r="A346" s="1" t="s">
        <v>726</v>
      </c>
      <c r="B346" s="1" t="s">
        <v>50</v>
      </c>
    </row>
    <row r="347" spans="1:2" x14ac:dyDescent="0.25">
      <c r="A347" s="1" t="s">
        <v>727</v>
      </c>
      <c r="B347" s="1" t="s">
        <v>342</v>
      </c>
    </row>
    <row r="348" spans="1:2" x14ac:dyDescent="0.25">
      <c r="A348" s="1" t="s">
        <v>728</v>
      </c>
      <c r="B348" s="1" t="s">
        <v>343</v>
      </c>
    </row>
    <row r="349" spans="1:2" x14ac:dyDescent="0.25">
      <c r="A349" s="1" t="s">
        <v>729</v>
      </c>
      <c r="B349" s="1" t="s">
        <v>344</v>
      </c>
    </row>
    <row r="350" spans="1:2" x14ac:dyDescent="0.25">
      <c r="A350" s="1" t="s">
        <v>730</v>
      </c>
      <c r="B350" s="1" t="s">
        <v>345</v>
      </c>
    </row>
    <row r="351" spans="1:2" x14ac:dyDescent="0.25">
      <c r="A351" s="1" t="s">
        <v>731</v>
      </c>
      <c r="B351" s="1" t="s">
        <v>346</v>
      </c>
    </row>
    <row r="352" spans="1:2" x14ac:dyDescent="0.25">
      <c r="A352" s="1" t="s">
        <v>732</v>
      </c>
      <c r="B352" s="1" t="s">
        <v>347</v>
      </c>
    </row>
    <row r="353" spans="1:2" x14ac:dyDescent="0.25">
      <c r="A353" s="1" t="s">
        <v>733</v>
      </c>
      <c r="B353" s="1" t="s">
        <v>348</v>
      </c>
    </row>
    <row r="354" spans="1:2" x14ac:dyDescent="0.25">
      <c r="A354" s="1" t="s">
        <v>734</v>
      </c>
      <c r="B354" s="1" t="s">
        <v>349</v>
      </c>
    </row>
    <row r="355" spans="1:2" x14ac:dyDescent="0.25">
      <c r="A355" s="1" t="s">
        <v>735</v>
      </c>
      <c r="B355" s="1" t="s">
        <v>350</v>
      </c>
    </row>
    <row r="356" spans="1:2" x14ac:dyDescent="0.25">
      <c r="A356" s="1" t="s">
        <v>736</v>
      </c>
      <c r="B356" s="1" t="s">
        <v>351</v>
      </c>
    </row>
    <row r="357" spans="1:2" x14ac:dyDescent="0.25">
      <c r="A357" s="1" t="s">
        <v>737</v>
      </c>
      <c r="B357" s="1" t="s">
        <v>352</v>
      </c>
    </row>
    <row r="358" spans="1:2" x14ac:dyDescent="0.25">
      <c r="A358" s="1" t="s">
        <v>738</v>
      </c>
      <c r="B358" s="1" t="s">
        <v>353</v>
      </c>
    </row>
    <row r="359" spans="1:2" x14ac:dyDescent="0.25">
      <c r="A359" s="1" t="s">
        <v>739</v>
      </c>
      <c r="B359" s="1" t="s">
        <v>354</v>
      </c>
    </row>
    <row r="360" spans="1:2" x14ac:dyDescent="0.25">
      <c r="A360" s="1" t="s">
        <v>740</v>
      </c>
      <c r="B360" s="1" t="s">
        <v>355</v>
      </c>
    </row>
    <row r="361" spans="1:2" x14ac:dyDescent="0.25">
      <c r="A361" s="1" t="s">
        <v>741</v>
      </c>
      <c r="B361" s="1" t="s">
        <v>356</v>
      </c>
    </row>
    <row r="362" spans="1:2" x14ac:dyDescent="0.25">
      <c r="A362" s="1" t="s">
        <v>742</v>
      </c>
      <c r="B362" s="1" t="s">
        <v>357</v>
      </c>
    </row>
    <row r="363" spans="1:2" x14ac:dyDescent="0.25">
      <c r="A363" s="1" t="s">
        <v>743</v>
      </c>
      <c r="B363" s="1" t="s">
        <v>358</v>
      </c>
    </row>
    <row r="364" spans="1:2" x14ac:dyDescent="0.25">
      <c r="A364" s="1" t="s">
        <v>744</v>
      </c>
      <c r="B364" s="1" t="s">
        <v>359</v>
      </c>
    </row>
    <row r="365" spans="1:2" x14ac:dyDescent="0.25">
      <c r="A365" s="1" t="s">
        <v>745</v>
      </c>
      <c r="B365" s="1" t="s">
        <v>360</v>
      </c>
    </row>
    <row r="366" spans="1:2" x14ac:dyDescent="0.25">
      <c r="A366" s="1" t="s">
        <v>746</v>
      </c>
      <c r="B366" s="1" t="s">
        <v>361</v>
      </c>
    </row>
    <row r="367" spans="1:2" x14ac:dyDescent="0.25">
      <c r="A367" s="1" t="s">
        <v>747</v>
      </c>
      <c r="B367" s="1" t="s">
        <v>362</v>
      </c>
    </row>
    <row r="368" spans="1:2" x14ac:dyDescent="0.25">
      <c r="A368" s="1" t="s">
        <v>748</v>
      </c>
      <c r="B368" s="1" t="s">
        <v>363</v>
      </c>
    </row>
    <row r="369" spans="1:2" x14ac:dyDescent="0.25">
      <c r="A369" s="1" t="s">
        <v>749</v>
      </c>
      <c r="B369" s="1" t="s">
        <v>364</v>
      </c>
    </row>
    <row r="370" spans="1:2" x14ac:dyDescent="0.25">
      <c r="A370" s="1" t="s">
        <v>750</v>
      </c>
      <c r="B370" s="1" t="s">
        <v>365</v>
      </c>
    </row>
    <row r="371" spans="1:2" x14ac:dyDescent="0.25">
      <c r="A371" s="1" t="s">
        <v>751</v>
      </c>
      <c r="B371" s="1" t="s">
        <v>366</v>
      </c>
    </row>
    <row r="372" spans="1:2" x14ac:dyDescent="0.25">
      <c r="A372" s="1" t="s">
        <v>752</v>
      </c>
      <c r="B372" s="1" t="s">
        <v>367</v>
      </c>
    </row>
    <row r="373" spans="1:2" x14ac:dyDescent="0.25">
      <c r="A373" s="1" t="s">
        <v>753</v>
      </c>
      <c r="B373" s="1" t="s">
        <v>368</v>
      </c>
    </row>
    <row r="374" spans="1:2" x14ac:dyDescent="0.25">
      <c r="A374" s="1" t="s">
        <v>754</v>
      </c>
      <c r="B374" s="1" t="s">
        <v>369</v>
      </c>
    </row>
    <row r="375" spans="1:2" x14ac:dyDescent="0.25">
      <c r="A375" s="1" t="s">
        <v>755</v>
      </c>
      <c r="B375" s="1" t="s">
        <v>370</v>
      </c>
    </row>
    <row r="376" spans="1:2" x14ac:dyDescent="0.25">
      <c r="A376" s="1" t="s">
        <v>756</v>
      </c>
      <c r="B376" s="1" t="s">
        <v>371</v>
      </c>
    </row>
    <row r="377" spans="1:2" x14ac:dyDescent="0.25">
      <c r="A377" s="1" t="s">
        <v>757</v>
      </c>
      <c r="B377" s="1" t="s">
        <v>372</v>
      </c>
    </row>
    <row r="378" spans="1:2" x14ac:dyDescent="0.25">
      <c r="A378" s="1" t="s">
        <v>758</v>
      </c>
      <c r="B378" s="1" t="s">
        <v>373</v>
      </c>
    </row>
    <row r="379" spans="1:2" x14ac:dyDescent="0.25">
      <c r="A379" s="1" t="s">
        <v>759</v>
      </c>
      <c r="B379" s="1" t="s">
        <v>374</v>
      </c>
    </row>
    <row r="380" spans="1:2" x14ac:dyDescent="0.25">
      <c r="A380" s="1" t="s">
        <v>760</v>
      </c>
      <c r="B380" s="1" t="s">
        <v>375</v>
      </c>
    </row>
    <row r="381" spans="1:2" x14ac:dyDescent="0.25">
      <c r="A381" s="1" t="s">
        <v>761</v>
      </c>
      <c r="B381" s="1" t="s">
        <v>376</v>
      </c>
    </row>
    <row r="382" spans="1:2" x14ac:dyDescent="0.25">
      <c r="A382" s="1" t="s">
        <v>762</v>
      </c>
      <c r="B382" s="1" t="s">
        <v>377</v>
      </c>
    </row>
    <row r="383" spans="1:2" x14ac:dyDescent="0.25">
      <c r="A383" s="1" t="s">
        <v>763</v>
      </c>
      <c r="B383" s="1" t="s">
        <v>378</v>
      </c>
    </row>
    <row r="384" spans="1:2" x14ac:dyDescent="0.25">
      <c r="A384" s="1" t="s">
        <v>764</v>
      </c>
      <c r="B384" s="1" t="s">
        <v>379</v>
      </c>
    </row>
    <row r="385" spans="1:2" x14ac:dyDescent="0.25">
      <c r="A385" s="1" t="s">
        <v>765</v>
      </c>
      <c r="B385" s="1" t="s">
        <v>380</v>
      </c>
    </row>
    <row r="386" spans="1:2" x14ac:dyDescent="0.25">
      <c r="A386" s="1" t="s">
        <v>766</v>
      </c>
      <c r="B386" s="1" t="s">
        <v>381</v>
      </c>
    </row>
    <row r="387" spans="1:2" x14ac:dyDescent="0.25">
      <c r="A387" s="1" t="s">
        <v>767</v>
      </c>
      <c r="B387" s="1" t="s">
        <v>382</v>
      </c>
    </row>
    <row r="388" spans="1:2" x14ac:dyDescent="0.25">
      <c r="A388" s="1" t="s">
        <v>768</v>
      </c>
      <c r="B388" s="1" t="s">
        <v>383</v>
      </c>
    </row>
    <row r="389" spans="1:2" x14ac:dyDescent="0.25">
      <c r="A389" s="1" t="s">
        <v>769</v>
      </c>
      <c r="B389" s="1" t="s">
        <v>384</v>
      </c>
    </row>
    <row r="390" spans="1:2" x14ac:dyDescent="0.25">
      <c r="A390" s="1" t="s">
        <v>770</v>
      </c>
      <c r="B390" s="1" t="s">
        <v>385</v>
      </c>
    </row>
    <row r="391" spans="1:2" x14ac:dyDescent="0.25">
      <c r="A391" s="1" t="s">
        <v>771</v>
      </c>
      <c r="B391" s="1" t="s">
        <v>386</v>
      </c>
    </row>
    <row r="392" spans="1:2" x14ac:dyDescent="0.25">
      <c r="A392" s="1" t="s">
        <v>772</v>
      </c>
      <c r="B392" s="1" t="s">
        <v>51</v>
      </c>
    </row>
  </sheetData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przeslane_przypadki_pomocy-202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Musiał</dc:creator>
  <cp:lastModifiedBy>FN.Władyka Agnieszka</cp:lastModifiedBy>
  <cp:lastPrinted>2024-05-08T09:54:53Z</cp:lastPrinted>
  <dcterms:created xsi:type="dcterms:W3CDTF">2024-05-08T08:44:07Z</dcterms:created>
  <dcterms:modified xsi:type="dcterms:W3CDTF">2024-05-10T11:05:14Z</dcterms:modified>
</cp:coreProperties>
</file>